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sldIdLst>
    <p:sldId id="273" r:id="rId2"/>
    <p:sldId id="257" r:id="rId3"/>
    <p:sldId id="307" r:id="rId4"/>
    <p:sldId id="327" r:id="rId5"/>
    <p:sldId id="308" r:id="rId6"/>
    <p:sldId id="334" r:id="rId7"/>
    <p:sldId id="335" r:id="rId8"/>
    <p:sldId id="336" r:id="rId9"/>
    <p:sldId id="337" r:id="rId10"/>
    <p:sldId id="338" r:id="rId11"/>
    <p:sldId id="341" r:id="rId12"/>
    <p:sldId id="339" r:id="rId13"/>
    <p:sldId id="340" r:id="rId14"/>
    <p:sldId id="342" r:id="rId15"/>
    <p:sldId id="324" r:id="rId16"/>
  </p:sldIdLst>
  <p:sldSz cx="12192000" cy="6858000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Раздел по умолчанию" id="{9E4A752D-14E9-4862-8917-327EC499D1CF}">
          <p14:sldIdLst>
            <p14:sldId id="273"/>
            <p14:sldId id="257"/>
            <p14:sldId id="307"/>
            <p14:sldId id="327"/>
            <p14:sldId id="308"/>
            <p14:sldId id="334"/>
            <p14:sldId id="335"/>
            <p14:sldId id="336"/>
            <p14:sldId id="337"/>
            <p14:sldId id="338"/>
            <p14:sldId id="341"/>
            <p14:sldId id="339"/>
            <p14:sldId id="340"/>
            <p14:sldId id="342"/>
            <p14:sldId id="324"/>
          </p14:sldIdLst>
        </p14:section>
        <p14:section name="Раздел без заголовка" id="{B8075256-47AA-40E3-8F65-36164E4AF950}">
          <p14:sldIdLst/>
        </p14:section>
      </p14:sectionLst>
    </p:ext>
    <p:ext uri="{EFAFB233-063F-42B5-8137-9DF3F51BA10A}">
      <p15:sldGuideLst xmlns:p15="http://schemas.microsoft.com/office/powerpoint/2012/main" xmlns="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D553B"/>
    <a:srgbClr val="FFFFFF"/>
    <a:srgbClr val="2365C7"/>
    <a:srgbClr val="20639B"/>
    <a:srgbClr val="EA0080"/>
    <a:srgbClr val="FDBB08"/>
    <a:srgbClr val="3E89F0"/>
    <a:srgbClr val="3CAEA3"/>
    <a:srgbClr val="D6E1F1"/>
    <a:srgbClr val="173F5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xmlns="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93296810-A885-4BE3-A3E7-6D5BEEA58F35}" styleName="Средний стиль 2 — акцент 6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6">
              <a:tint val="20000"/>
            </a:schemeClr>
          </a:solidFill>
        </a:fill>
      </a:tcStyle>
    </a:wholeTbl>
    <a:band1H>
      <a:tcStyle>
        <a:tcBdr/>
        <a:fill>
          <a:solidFill>
            <a:schemeClr val="accent6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6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6"/>
          </a:solidFill>
        </a:fill>
      </a:tcStyle>
    </a:firstRow>
  </a:tblStyle>
  <a:tblStyle styleId="{74C1A8A3-306A-4EB7-A6B1-4F7E0EB9C5D6}" styleName="Средний стиль 3 — акцент 5">
    <a:wholeTbl>
      <a:tcTxStyle>
        <a:fontRef idx="minor">
          <a:scrgbClr r="0" g="0" b="0"/>
        </a:fontRef>
        <a:schemeClr val="dk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25400" cmpd="sng">
              <a:solidFill>
                <a:schemeClr val="dk1"/>
              </a:solidFill>
            </a:ln>
          </a:top>
          <a:bottom>
            <a:ln w="25400" cmpd="sng">
              <a:solidFill>
                <a:schemeClr val="dk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5"/>
          </a:solidFill>
        </a:fill>
      </a:tcStyle>
    </a:lastCol>
    <a:fir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5"/>
          </a:solidFill>
        </a:fill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seCell>
      <a:tcTxStyle b="on">
        <a:fontRef idx="minor">
          <a:scrgbClr r="0" g="0" b="0"/>
        </a:fontRef>
        <a:schemeClr val="dk1"/>
      </a:tcTxStyle>
      <a:tcStyle>
        <a:tcBdr/>
      </a:tcStyle>
    </a:seCell>
    <a:swCell>
      <a:tcTxStyle b="on">
        <a:fontRef idx="minor">
          <a:scrgbClr r="0" g="0" b="0"/>
        </a:fontRef>
        <a:schemeClr val="dk1"/>
      </a:tcTxStyle>
      <a:tcStyle>
        <a:tcBdr/>
      </a:tcStyle>
    </a:swCell>
    <a:firstRow>
      <a:tcTxStyle b="on">
        <a:fontRef idx="minor">
          <a:scrgbClr r="0" g="0" b="0"/>
        </a:fontRef>
        <a:schemeClr val="lt1"/>
      </a:tcTxStyle>
      <a:tcStyle>
        <a:tcBdr>
          <a:bottom>
            <a:ln w="25400" cmpd="sng">
              <a:solidFill>
                <a:schemeClr val="dk1"/>
              </a:solidFill>
            </a:ln>
          </a:bottom>
        </a:tcBdr>
        <a:fill>
          <a:solidFill>
            <a:schemeClr val="accent5"/>
          </a:solidFill>
        </a:fill>
      </a:tcStyle>
    </a:firstRow>
  </a:tblStyle>
  <a:tblStyle styleId="{7DF18680-E054-41AD-8BC1-D1AEF772440D}" styleName="Средний стиль 2 — акцент 5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5">
              <a:tint val="20000"/>
            </a:schemeClr>
          </a:solidFill>
        </a:fill>
      </a:tcStyle>
    </a:wholeTbl>
    <a:band1H>
      <a:tcStyle>
        <a:tcBdr/>
        <a:fill>
          <a:solidFill>
            <a:schemeClr val="accent5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5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5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5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28529" autoAdjust="0"/>
    <p:restoredTop sz="94343" autoAdjust="0"/>
  </p:normalViewPr>
  <p:slideViewPr>
    <p:cSldViewPr snapToGrid="0">
      <p:cViewPr>
        <p:scale>
          <a:sx n="71" d="100"/>
          <a:sy n="71" d="100"/>
        </p:scale>
        <p:origin x="-120" y="-72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Relationship Id="rId4" Type="http://schemas.microsoft.com/office/2007/relationships/hdphoto" Target="../media/hdphoto1.wdp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9030980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4039195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1704145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Three Image Text Subtit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4" y="279962"/>
            <a:ext cx="10363201" cy="817561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4" name="Picture Placeholder 3"/>
          <p:cNvSpPr>
            <a:spLocks noGrp="1"/>
          </p:cNvSpPr>
          <p:nvPr>
            <p:ph type="pic" sz="quarter" idx="10"/>
          </p:nvPr>
        </p:nvSpPr>
        <p:spPr>
          <a:xfrm>
            <a:off x="914401" y="1397001"/>
            <a:ext cx="3328416" cy="3407438"/>
          </a:xfrm>
          <a:solidFill>
            <a:schemeClr val="bg1">
              <a:lumMod val="95000"/>
            </a:schemeClr>
          </a:solidFill>
          <a:ln w="3175">
            <a:solidFill>
              <a:schemeClr val="bg1">
                <a:lumMod val="50000"/>
                <a:alpha val="40000"/>
              </a:schemeClr>
            </a:solidFill>
          </a:ln>
          <a:effectLst>
            <a:outerShdw dist="50800" dir="5400000" algn="t" rotWithShape="0">
              <a:schemeClr val="accent1"/>
            </a:outerShdw>
          </a:effectLst>
        </p:spPr>
        <p:txBody>
          <a:bodyPr vert="horz" lIns="0" tIns="0" rIns="0" bIns="0" rtlCol="0" anchor="ctr">
            <a:normAutofit/>
          </a:bodyPr>
          <a:lstStyle>
            <a:lvl1pPr marL="0" indent="0" algn="ctr">
              <a:buNone/>
              <a:defRPr lang="en-US" sz="1399"/>
            </a:lvl1pPr>
          </a:lstStyle>
          <a:p>
            <a:pPr lvl="0"/>
            <a:endParaRPr lang="en-US"/>
          </a:p>
        </p:txBody>
      </p:sp>
      <p:sp>
        <p:nvSpPr>
          <p:cNvPr id="5" name="Picture Placeholder 3"/>
          <p:cNvSpPr>
            <a:spLocks noGrp="1"/>
          </p:cNvSpPr>
          <p:nvPr>
            <p:ph type="pic" sz="quarter" idx="11"/>
          </p:nvPr>
        </p:nvSpPr>
        <p:spPr>
          <a:xfrm>
            <a:off x="4431792" y="1397001"/>
            <a:ext cx="3328416" cy="3407438"/>
          </a:xfrm>
          <a:solidFill>
            <a:schemeClr val="bg1">
              <a:lumMod val="95000"/>
            </a:schemeClr>
          </a:solidFill>
          <a:ln w="3175">
            <a:solidFill>
              <a:schemeClr val="bg1">
                <a:lumMod val="50000"/>
                <a:alpha val="40000"/>
              </a:schemeClr>
            </a:solidFill>
          </a:ln>
          <a:effectLst>
            <a:outerShdw dist="50800" dir="5400000" algn="t" rotWithShape="0">
              <a:schemeClr val="accent4"/>
            </a:outerShdw>
          </a:effectLst>
        </p:spPr>
        <p:txBody>
          <a:bodyPr vert="horz" lIns="0" tIns="0" rIns="0" bIns="0" rtlCol="0" anchor="ctr">
            <a:normAutofit/>
          </a:bodyPr>
          <a:lstStyle>
            <a:lvl1pPr marL="0" indent="0" algn="ctr">
              <a:buNone/>
              <a:defRPr lang="en-US" sz="1399"/>
            </a:lvl1pPr>
          </a:lstStyle>
          <a:p>
            <a:pPr lvl="0"/>
            <a:endParaRPr lang="en-US"/>
          </a:p>
        </p:txBody>
      </p:sp>
      <p:sp>
        <p:nvSpPr>
          <p:cNvPr id="6" name="Picture Placeholder 3"/>
          <p:cNvSpPr>
            <a:spLocks noGrp="1"/>
          </p:cNvSpPr>
          <p:nvPr>
            <p:ph type="pic" sz="quarter" idx="12"/>
          </p:nvPr>
        </p:nvSpPr>
        <p:spPr>
          <a:xfrm>
            <a:off x="7949183" y="1397001"/>
            <a:ext cx="3328416" cy="3407438"/>
          </a:xfrm>
          <a:solidFill>
            <a:schemeClr val="bg1">
              <a:lumMod val="95000"/>
            </a:schemeClr>
          </a:solidFill>
          <a:ln w="3175">
            <a:solidFill>
              <a:schemeClr val="bg1">
                <a:lumMod val="50000"/>
                <a:alpha val="40000"/>
              </a:schemeClr>
            </a:solidFill>
          </a:ln>
          <a:effectLst>
            <a:outerShdw dist="50800" dir="5400000" algn="t" rotWithShape="0">
              <a:schemeClr val="bg2"/>
            </a:outerShdw>
          </a:effectLst>
        </p:spPr>
        <p:txBody>
          <a:bodyPr vert="horz" lIns="0" tIns="0" rIns="0" bIns="0" rtlCol="0" anchor="ctr">
            <a:normAutofit/>
          </a:bodyPr>
          <a:lstStyle>
            <a:lvl1pPr marL="0" indent="0" algn="ctr">
              <a:buNone/>
              <a:defRPr lang="en-US" sz="1399"/>
            </a:lvl1pPr>
          </a:lstStyle>
          <a:p>
            <a:pPr lvl="0"/>
            <a:endParaRPr lang="en-US"/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4"/>
          </p:nvPr>
        </p:nvSpPr>
        <p:spPr>
          <a:xfrm>
            <a:off x="914401" y="4980569"/>
            <a:ext cx="3328416" cy="958851"/>
          </a:xfrm>
        </p:spPr>
        <p:txBody>
          <a:bodyPr>
            <a:noAutofit/>
          </a:bodyPr>
          <a:lstStyle>
            <a:lvl1pPr marL="0" indent="0">
              <a:buNone/>
              <a:defRPr sz="1399"/>
            </a:lvl1pPr>
            <a:lvl2pPr marL="152378" indent="-152378">
              <a:buFont typeface="Arial" panose="020B0604020202020204" pitchFamily="34" charset="0"/>
              <a:buChar char="•"/>
              <a:defRPr sz="1399"/>
            </a:lvl2pPr>
            <a:lvl3pPr marL="304757" indent="-152378">
              <a:defRPr sz="1399"/>
            </a:lvl3pPr>
            <a:lvl4pPr marL="533324" indent="-228567">
              <a:defRPr sz="1399"/>
            </a:lvl4pPr>
            <a:lvl5pPr marL="761891" indent="-228567">
              <a:defRPr sz="1399"/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</a:p>
        </p:txBody>
      </p:sp>
      <p:sp>
        <p:nvSpPr>
          <p:cNvPr id="9" name="Text Placeholder 9"/>
          <p:cNvSpPr>
            <a:spLocks noGrp="1"/>
          </p:cNvSpPr>
          <p:nvPr>
            <p:ph type="body" sz="quarter" idx="15"/>
          </p:nvPr>
        </p:nvSpPr>
        <p:spPr>
          <a:xfrm>
            <a:off x="4431792" y="4980569"/>
            <a:ext cx="3328416" cy="958851"/>
          </a:xfrm>
        </p:spPr>
        <p:txBody>
          <a:bodyPr>
            <a:noAutofit/>
          </a:bodyPr>
          <a:lstStyle>
            <a:lvl1pPr marL="0" indent="0">
              <a:buNone/>
              <a:defRPr sz="1399"/>
            </a:lvl1pPr>
            <a:lvl2pPr marL="152378" indent="-152378">
              <a:buFont typeface="Arial" panose="020B0604020202020204" pitchFamily="34" charset="0"/>
              <a:buChar char="•"/>
              <a:defRPr sz="1399"/>
            </a:lvl2pPr>
            <a:lvl3pPr marL="304757" indent="-152378">
              <a:defRPr sz="1399"/>
            </a:lvl3pPr>
            <a:lvl4pPr marL="533324" indent="-228567">
              <a:defRPr sz="1399"/>
            </a:lvl4pPr>
            <a:lvl5pPr marL="761891" indent="-228567">
              <a:defRPr sz="1399"/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6"/>
          </p:nvPr>
        </p:nvSpPr>
        <p:spPr>
          <a:xfrm>
            <a:off x="7949183" y="4980569"/>
            <a:ext cx="3328416" cy="958851"/>
          </a:xfrm>
        </p:spPr>
        <p:txBody>
          <a:bodyPr>
            <a:noAutofit/>
          </a:bodyPr>
          <a:lstStyle>
            <a:lvl1pPr marL="0" indent="0">
              <a:buNone/>
              <a:defRPr sz="1399"/>
            </a:lvl1pPr>
            <a:lvl2pPr marL="152378" indent="-152378">
              <a:buFont typeface="Arial" panose="020B0604020202020204" pitchFamily="34" charset="0"/>
              <a:buChar char="•"/>
              <a:defRPr sz="1399"/>
            </a:lvl2pPr>
            <a:lvl3pPr marL="304757" indent="-152378">
              <a:defRPr sz="1399"/>
            </a:lvl3pPr>
            <a:lvl4pPr marL="533324" indent="-228567">
              <a:defRPr sz="1399"/>
            </a:lvl4pPr>
            <a:lvl5pPr marL="761891" indent="-228567">
              <a:defRPr sz="1399"/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8" hasCustomPrompt="1"/>
          </p:nvPr>
        </p:nvSpPr>
        <p:spPr>
          <a:xfrm>
            <a:off x="914404" y="933453"/>
            <a:ext cx="10363201" cy="406400"/>
          </a:xfrm>
        </p:spPr>
        <p:txBody>
          <a:bodyPr>
            <a:normAutofit/>
          </a:bodyPr>
          <a:lstStyle>
            <a:lvl1pPr marL="0" indent="0" algn="ctr">
              <a:lnSpc>
                <a:spcPct val="86000"/>
              </a:lnSpc>
              <a:spcBef>
                <a:spcPts val="0"/>
              </a:spcBef>
              <a:buNone/>
              <a:defRPr sz="1799" baseline="0"/>
            </a:lvl1pPr>
          </a:lstStyle>
          <a:p>
            <a:pPr lvl="0"/>
            <a:r>
              <a:rPr lang="en-US" dirty="0"/>
              <a:t>Click here to edit subtitle</a:t>
            </a:r>
          </a:p>
        </p:txBody>
      </p:sp>
    </p:spTree>
    <p:extLst>
      <p:ext uri="{BB962C8B-B14F-4D97-AF65-F5344CB8AC3E}">
        <p14:creationId xmlns:p14="http://schemas.microsoft.com/office/powerpoint/2010/main" val="36148004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5_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그림 1">
            <a:extLst>
              <a:ext uri="{FF2B5EF4-FFF2-40B4-BE49-F238E27FC236}">
                <a16:creationId xmlns:a16="http://schemas.microsoft.com/office/drawing/2014/main" xmlns="" id="{54BAF68A-9D51-4222-8013-E9B5F820985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6000903"/>
            <a:ext cx="11600704" cy="1140891"/>
          </a:xfrm>
          <a:prstGeom prst="rect">
            <a:avLst/>
          </a:prstGeom>
        </p:spPr>
      </p:pic>
      <p:pic>
        <p:nvPicPr>
          <p:cNvPr id="3" name="Picture 3" descr="E:\002-KIMS BUSINESS\007-02-MaxPPT-Contents\150902-com-Global-Laptop\mo900.png">
            <a:extLst>
              <a:ext uri="{FF2B5EF4-FFF2-40B4-BE49-F238E27FC236}">
                <a16:creationId xmlns:a16="http://schemas.microsoft.com/office/drawing/2014/main" xmlns="" id="{1C4F8B41-3F98-4240-8891-4ADABC669A41}"/>
              </a:ext>
            </a:extLst>
          </p:cNvPr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aturation sat="66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8253"/>
          <a:stretch/>
        </p:blipFill>
        <p:spPr bwMode="auto">
          <a:xfrm flipH="1">
            <a:off x="8509450" y="2348880"/>
            <a:ext cx="3683812" cy="45091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Picture Placeholder 2">
            <a:extLst>
              <a:ext uri="{FF2B5EF4-FFF2-40B4-BE49-F238E27FC236}">
                <a16:creationId xmlns:a16="http://schemas.microsoft.com/office/drawing/2014/main" xmlns="" id="{88CB46E1-8EB0-4782-9CDE-623B6BC6877B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8898129" y="2735416"/>
            <a:ext cx="1672517" cy="2613110"/>
          </a:xfrm>
          <a:custGeom>
            <a:avLst/>
            <a:gdLst>
              <a:gd name="connsiteX0" fmla="*/ 0 w 1296000"/>
              <a:gd name="connsiteY0" fmla="*/ 0 h 2700000"/>
              <a:gd name="connsiteX1" fmla="*/ 1296000 w 1296000"/>
              <a:gd name="connsiteY1" fmla="*/ 0 h 2700000"/>
              <a:gd name="connsiteX2" fmla="*/ 1296000 w 1296000"/>
              <a:gd name="connsiteY2" fmla="*/ 2700000 h 2700000"/>
              <a:gd name="connsiteX3" fmla="*/ 0 w 1296000"/>
              <a:gd name="connsiteY3" fmla="*/ 2700000 h 2700000"/>
              <a:gd name="connsiteX4" fmla="*/ 0 w 1296000"/>
              <a:gd name="connsiteY4" fmla="*/ 0 h 2700000"/>
              <a:gd name="connsiteX0" fmla="*/ 0 w 1436677"/>
              <a:gd name="connsiteY0" fmla="*/ 0 h 2745513"/>
              <a:gd name="connsiteX1" fmla="*/ 1436677 w 1436677"/>
              <a:gd name="connsiteY1" fmla="*/ 45513 h 2745513"/>
              <a:gd name="connsiteX2" fmla="*/ 1436677 w 1436677"/>
              <a:gd name="connsiteY2" fmla="*/ 2745513 h 2745513"/>
              <a:gd name="connsiteX3" fmla="*/ 140677 w 1436677"/>
              <a:gd name="connsiteY3" fmla="*/ 2745513 h 2745513"/>
              <a:gd name="connsiteX4" fmla="*/ 0 w 1436677"/>
              <a:gd name="connsiteY4" fmla="*/ 0 h 2745513"/>
              <a:gd name="connsiteX0" fmla="*/ 0 w 1453227"/>
              <a:gd name="connsiteY0" fmla="*/ 0 h 2745513"/>
              <a:gd name="connsiteX1" fmla="*/ 1453227 w 1453227"/>
              <a:gd name="connsiteY1" fmla="*/ 45513 h 2745513"/>
              <a:gd name="connsiteX2" fmla="*/ 1453227 w 1453227"/>
              <a:gd name="connsiteY2" fmla="*/ 2745513 h 2745513"/>
              <a:gd name="connsiteX3" fmla="*/ 157227 w 1453227"/>
              <a:gd name="connsiteY3" fmla="*/ 2745513 h 2745513"/>
              <a:gd name="connsiteX4" fmla="*/ 0 w 1453227"/>
              <a:gd name="connsiteY4" fmla="*/ 0 h 2745513"/>
              <a:gd name="connsiteX0" fmla="*/ 0 w 1523565"/>
              <a:gd name="connsiteY0" fmla="*/ 0 h 2745513"/>
              <a:gd name="connsiteX1" fmla="*/ 1523565 w 1523565"/>
              <a:gd name="connsiteY1" fmla="*/ 16550 h 2745513"/>
              <a:gd name="connsiteX2" fmla="*/ 1453227 w 1523565"/>
              <a:gd name="connsiteY2" fmla="*/ 2745513 h 2745513"/>
              <a:gd name="connsiteX3" fmla="*/ 157227 w 1523565"/>
              <a:gd name="connsiteY3" fmla="*/ 2745513 h 2745513"/>
              <a:gd name="connsiteX4" fmla="*/ 0 w 1523565"/>
              <a:gd name="connsiteY4" fmla="*/ 0 h 2745513"/>
              <a:gd name="connsiteX0" fmla="*/ 0 w 1672517"/>
              <a:gd name="connsiteY0" fmla="*/ 0 h 2745513"/>
              <a:gd name="connsiteX1" fmla="*/ 1523565 w 1672517"/>
              <a:gd name="connsiteY1" fmla="*/ 16550 h 2745513"/>
              <a:gd name="connsiteX2" fmla="*/ 1672517 w 1672517"/>
              <a:gd name="connsiteY2" fmla="*/ 2580011 h 2745513"/>
              <a:gd name="connsiteX3" fmla="*/ 157227 w 1672517"/>
              <a:gd name="connsiteY3" fmla="*/ 2745513 h 2745513"/>
              <a:gd name="connsiteX4" fmla="*/ 0 w 1672517"/>
              <a:gd name="connsiteY4" fmla="*/ 0 h 2745513"/>
              <a:gd name="connsiteX0" fmla="*/ 0 w 1672517"/>
              <a:gd name="connsiteY0" fmla="*/ 0 h 2580011"/>
              <a:gd name="connsiteX1" fmla="*/ 1523565 w 1672517"/>
              <a:gd name="connsiteY1" fmla="*/ 16550 h 2580011"/>
              <a:gd name="connsiteX2" fmla="*/ 1672517 w 1672517"/>
              <a:gd name="connsiteY2" fmla="*/ 2580011 h 2580011"/>
              <a:gd name="connsiteX3" fmla="*/ 165502 w 1672517"/>
              <a:gd name="connsiteY3" fmla="*/ 2563460 h 2580011"/>
              <a:gd name="connsiteX4" fmla="*/ 0 w 1672517"/>
              <a:gd name="connsiteY4" fmla="*/ 0 h 2580011"/>
              <a:gd name="connsiteX0" fmla="*/ 0 w 1672517"/>
              <a:gd name="connsiteY0" fmla="*/ 0 h 2604835"/>
              <a:gd name="connsiteX1" fmla="*/ 1523565 w 1672517"/>
              <a:gd name="connsiteY1" fmla="*/ 16550 h 2604835"/>
              <a:gd name="connsiteX2" fmla="*/ 1672517 w 1672517"/>
              <a:gd name="connsiteY2" fmla="*/ 2580011 h 2604835"/>
              <a:gd name="connsiteX3" fmla="*/ 161364 w 1672517"/>
              <a:gd name="connsiteY3" fmla="*/ 2604835 h 2604835"/>
              <a:gd name="connsiteX4" fmla="*/ 0 w 1672517"/>
              <a:gd name="connsiteY4" fmla="*/ 0 h 2604835"/>
              <a:gd name="connsiteX0" fmla="*/ 0 w 1672517"/>
              <a:gd name="connsiteY0" fmla="*/ 0 h 2613110"/>
              <a:gd name="connsiteX1" fmla="*/ 1523565 w 1672517"/>
              <a:gd name="connsiteY1" fmla="*/ 16550 h 2613110"/>
              <a:gd name="connsiteX2" fmla="*/ 1672517 w 1672517"/>
              <a:gd name="connsiteY2" fmla="*/ 2580011 h 2613110"/>
              <a:gd name="connsiteX3" fmla="*/ 161364 w 1672517"/>
              <a:gd name="connsiteY3" fmla="*/ 2613110 h 2613110"/>
              <a:gd name="connsiteX4" fmla="*/ 0 w 1672517"/>
              <a:gd name="connsiteY4" fmla="*/ 0 h 261311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672517" h="2613110">
                <a:moveTo>
                  <a:pt x="0" y="0"/>
                </a:moveTo>
                <a:lnTo>
                  <a:pt x="1523565" y="16550"/>
                </a:lnTo>
                <a:lnTo>
                  <a:pt x="1672517" y="2580011"/>
                </a:lnTo>
                <a:lnTo>
                  <a:pt x="161364" y="2613110"/>
                </a:lnTo>
                <a:lnTo>
                  <a:pt x="0" y="0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600">
                <a:latin typeface="Arial" pitchFamily="34" charset="0"/>
                <a:cs typeface="Arial" pitchFamily="34" charset="0"/>
              </a:defRPr>
            </a:lvl1pPr>
            <a:lvl2pPr marL="457223" indent="0">
              <a:buNone/>
              <a:defRPr sz="2800"/>
            </a:lvl2pPr>
            <a:lvl3pPr marL="914446" indent="0">
              <a:buNone/>
              <a:defRPr sz="2400"/>
            </a:lvl3pPr>
            <a:lvl4pPr marL="1371669" indent="0">
              <a:buNone/>
              <a:defRPr sz="2000"/>
            </a:lvl4pPr>
            <a:lvl5pPr marL="1828891" indent="0">
              <a:buNone/>
              <a:defRPr sz="2000"/>
            </a:lvl5pPr>
            <a:lvl6pPr marL="2286114" indent="0">
              <a:buNone/>
              <a:defRPr sz="2000"/>
            </a:lvl6pPr>
            <a:lvl7pPr marL="2743337" indent="0">
              <a:buNone/>
              <a:defRPr sz="2000"/>
            </a:lvl7pPr>
            <a:lvl8pPr marL="3200560" indent="0">
              <a:buNone/>
              <a:defRPr sz="2000"/>
            </a:lvl8pPr>
            <a:lvl9pPr marL="3657783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5" name="Text Placeholder 9">
            <a:extLst>
              <a:ext uri="{FF2B5EF4-FFF2-40B4-BE49-F238E27FC236}">
                <a16:creationId xmlns:a16="http://schemas.microsoft.com/office/drawing/2014/main" xmlns="" id="{388CF590-A7AC-47AA-9D77-5FF843A9CEE8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323529" y="339509"/>
            <a:ext cx="11573197" cy="724247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540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</p:spTree>
    <p:extLst>
      <p:ext uri="{BB962C8B-B14F-4D97-AF65-F5344CB8AC3E}">
        <p14:creationId xmlns:p14="http://schemas.microsoft.com/office/powerpoint/2010/main" val="182013895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2480324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196820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4056379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5970162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1123397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588861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3655845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4434999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34CDADB-FFBE-43A6-95D6-CABC81929194}" type="datetimeFigureOut">
              <a:rPr lang="ru-RU" smtClean="0"/>
              <a:t>06.12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0F3FD2A-4F28-488D-B8D2-4446D03DF60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6734361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3" r:id="rId12"/>
    <p:sldLayoutId id="2147483664" r:id="rId1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1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png"/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8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9.png"/><Relationship Id="rId2" Type="http://schemas.openxmlformats.org/officeDocument/2006/relationships/image" Target="../media/image37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2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png"/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41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2.png"/><Relationship Id="rId2" Type="http://schemas.openxmlformats.org/officeDocument/2006/relationships/image" Target="../media/image37.pn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3.png"/><Relationship Id="rId2" Type="http://schemas.openxmlformats.org/officeDocument/2006/relationships/image" Target="../media/image37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44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6.png"/><Relationship Id="rId2" Type="http://schemas.openxmlformats.org/officeDocument/2006/relationships/image" Target="../media/image45.jpe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7" Type="http://schemas.openxmlformats.org/officeDocument/2006/relationships/image" Target="../media/image9.jpe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8.png"/><Relationship Id="rId5" Type="http://schemas.openxmlformats.org/officeDocument/2006/relationships/image" Target="../media/image7.png"/><Relationship Id="rId4" Type="http://schemas.openxmlformats.org/officeDocument/2006/relationships/image" Target="../media/image6.jpe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jpe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5.jpeg"/><Relationship Id="rId4" Type="http://schemas.openxmlformats.org/officeDocument/2006/relationships/image" Target="../media/image1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0.png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7" Type="http://schemas.openxmlformats.org/officeDocument/2006/relationships/image" Target="../media/image26.png"/><Relationship Id="rId2" Type="http://schemas.openxmlformats.org/officeDocument/2006/relationships/image" Target="../media/image2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5.png"/><Relationship Id="rId5" Type="http://schemas.openxmlformats.org/officeDocument/2006/relationships/image" Target="../media/image24.png"/><Relationship Id="rId4" Type="http://schemas.openxmlformats.org/officeDocument/2006/relationships/image" Target="../media/image23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jpe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image" Target="../media/image29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png"/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36.png"/><Relationship Id="rId4" Type="http://schemas.openxmlformats.org/officeDocument/2006/relationships/image" Target="../media/image3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object 2">
            <a:extLst>
              <a:ext uri="{FF2B5EF4-FFF2-40B4-BE49-F238E27FC236}">
                <a16:creationId xmlns:a16="http://schemas.microsoft.com/office/drawing/2014/main" xmlns="" id="{EE80F0AA-4DF1-4DBF-9AA2-5439157D8912}"/>
              </a:ext>
            </a:extLst>
          </p:cNvPr>
          <p:cNvSpPr/>
          <p:nvPr/>
        </p:nvSpPr>
        <p:spPr>
          <a:xfrm>
            <a:off x="2985" y="3247"/>
            <a:ext cx="12173957" cy="2158055"/>
          </a:xfrm>
          <a:custGeom>
            <a:avLst/>
            <a:gdLst/>
            <a:ahLst/>
            <a:cxnLst/>
            <a:rect l="l" t="t" r="r" b="b"/>
            <a:pathLst>
              <a:path w="5760085" h="1021080">
                <a:moveTo>
                  <a:pt x="5759640" y="0"/>
                </a:moveTo>
                <a:lnTo>
                  <a:pt x="0" y="0"/>
                </a:lnTo>
                <a:lnTo>
                  <a:pt x="0" y="1020953"/>
                </a:lnTo>
                <a:lnTo>
                  <a:pt x="5759640" y="1020953"/>
                </a:lnTo>
                <a:lnTo>
                  <a:pt x="5759640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 sz="2396"/>
          </a:p>
        </p:txBody>
      </p:sp>
      <p:sp>
        <p:nvSpPr>
          <p:cNvPr id="14" name="object 3">
            <a:extLst>
              <a:ext uri="{FF2B5EF4-FFF2-40B4-BE49-F238E27FC236}">
                <a16:creationId xmlns:a16="http://schemas.microsoft.com/office/drawing/2014/main" xmlns="" id="{648E54F6-8C15-4BB3-94E3-7B81F0C680D4}"/>
              </a:ext>
            </a:extLst>
          </p:cNvPr>
          <p:cNvSpPr txBox="1">
            <a:spLocks noGrp="1"/>
          </p:cNvSpPr>
          <p:nvPr>
            <p:ph type="title"/>
          </p:nvPr>
        </p:nvSpPr>
        <p:spPr>
          <a:xfrm>
            <a:off x="2088548" y="464136"/>
            <a:ext cx="6979501" cy="1139164"/>
          </a:xfrm>
          <a:prstGeom prst="rect">
            <a:avLst/>
          </a:prstGeom>
        </p:spPr>
        <p:txBody>
          <a:bodyPr vert="horz" wrap="square" lIns="0" tIns="30867" rIns="0" bIns="0" rtlCol="0" anchor="ctr">
            <a:spAutoFit/>
          </a:bodyPr>
          <a:lstStyle/>
          <a:p>
            <a:pPr marL="26841" algn="ctr">
              <a:lnSpc>
                <a:spcPct val="100000"/>
              </a:lnSpc>
              <a:spcBef>
                <a:spcPts val="241"/>
              </a:spcBef>
            </a:pPr>
            <a:r>
              <a:rPr lang="en-US" sz="3600" b="1" spc="11" dirty="0" smtClean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FORMATIKA VA AXBOROT TEXNOLOGIYALARI</a:t>
            </a:r>
            <a:endParaRPr lang="en-US" sz="36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5" name="object 4">
            <a:extLst>
              <a:ext uri="{FF2B5EF4-FFF2-40B4-BE49-F238E27FC236}">
                <a16:creationId xmlns:a16="http://schemas.microsoft.com/office/drawing/2014/main" xmlns="" id="{96789AA7-9596-4F83-89FD-AEC28EE179F1}"/>
              </a:ext>
            </a:extLst>
          </p:cNvPr>
          <p:cNvSpPr txBox="1"/>
          <p:nvPr/>
        </p:nvSpPr>
        <p:spPr>
          <a:xfrm>
            <a:off x="1872102" y="2979722"/>
            <a:ext cx="7852118" cy="1607168"/>
          </a:xfrm>
          <a:prstGeom prst="rect">
            <a:avLst/>
          </a:prstGeom>
        </p:spPr>
        <p:txBody>
          <a:bodyPr vert="horz" wrap="square" lIns="0" tIns="29525" rIns="0" bIns="0" rtlCol="0">
            <a:spAutoFit/>
          </a:bodyPr>
          <a:lstStyle/>
          <a:p>
            <a:pPr marL="38918" algn="ctr">
              <a:lnSpc>
                <a:spcPts val="4132"/>
              </a:lnSpc>
              <a:spcBef>
                <a:spcPts val="233"/>
              </a:spcBef>
            </a:pPr>
            <a:r>
              <a:rPr lang="en-US" sz="3600" b="1" dirty="0" smtClean="0">
                <a:solidFill>
                  <a:srgbClr val="2365C7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MAVZU: </a:t>
            </a:r>
            <a:r>
              <a:rPr lang="en-US" sz="3600" b="1" dirty="0">
                <a:solidFill>
                  <a:srgbClr val="2365C7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LMS PLATFORMALARINING TURLARI VA </a:t>
            </a:r>
            <a:r>
              <a:rPr lang="en-US" sz="3600" b="1" dirty="0" smtClean="0">
                <a:solidFill>
                  <a:srgbClr val="2365C7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VAZIFALARI</a:t>
            </a:r>
            <a:endParaRPr lang="ru-RU" sz="2400" b="1" dirty="0">
              <a:solidFill>
                <a:srgbClr val="2365C7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6" name="object 5">
            <a:extLst>
              <a:ext uri="{FF2B5EF4-FFF2-40B4-BE49-F238E27FC236}">
                <a16:creationId xmlns:a16="http://schemas.microsoft.com/office/drawing/2014/main" xmlns="" id="{A8BAE388-D6D2-40E9-8208-E39C1E0E7029}"/>
              </a:ext>
            </a:extLst>
          </p:cNvPr>
          <p:cNvSpPr/>
          <p:nvPr/>
        </p:nvSpPr>
        <p:spPr>
          <a:xfrm>
            <a:off x="928252" y="2552131"/>
            <a:ext cx="727405" cy="1665027"/>
          </a:xfrm>
          <a:custGeom>
            <a:avLst/>
            <a:gdLst/>
            <a:ahLst/>
            <a:cxnLst/>
            <a:rect l="l" t="t" r="r" b="b"/>
            <a:pathLst>
              <a:path w="344170" h="680719">
                <a:moveTo>
                  <a:pt x="343828" y="0"/>
                </a:moveTo>
                <a:lnTo>
                  <a:pt x="0" y="0"/>
                </a:lnTo>
                <a:lnTo>
                  <a:pt x="0" y="680466"/>
                </a:lnTo>
                <a:lnTo>
                  <a:pt x="343828" y="680466"/>
                </a:lnTo>
                <a:lnTo>
                  <a:pt x="343828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 sz="2396"/>
          </a:p>
        </p:txBody>
      </p:sp>
      <p:sp>
        <p:nvSpPr>
          <p:cNvPr id="20" name="object 9">
            <a:extLst>
              <a:ext uri="{FF2B5EF4-FFF2-40B4-BE49-F238E27FC236}">
                <a16:creationId xmlns:a16="http://schemas.microsoft.com/office/drawing/2014/main" xmlns="" id="{F294EAD7-CAB8-401C-B12D-6064AA1177E0}"/>
              </a:ext>
            </a:extLst>
          </p:cNvPr>
          <p:cNvSpPr/>
          <p:nvPr/>
        </p:nvSpPr>
        <p:spPr>
          <a:xfrm>
            <a:off x="9940666" y="482101"/>
            <a:ext cx="1425128" cy="1276313"/>
          </a:xfrm>
          <a:custGeom>
            <a:avLst/>
            <a:gdLst/>
            <a:ahLst/>
            <a:cxnLst/>
            <a:rect l="l" t="t" r="r" b="b"/>
            <a:pathLst>
              <a:path w="603885" h="603885">
                <a:moveTo>
                  <a:pt x="603605" y="0"/>
                </a:moveTo>
                <a:lnTo>
                  <a:pt x="0" y="0"/>
                </a:lnTo>
                <a:lnTo>
                  <a:pt x="0" y="603618"/>
                </a:lnTo>
                <a:lnTo>
                  <a:pt x="603605" y="603618"/>
                </a:lnTo>
                <a:lnTo>
                  <a:pt x="603605" y="0"/>
                </a:lnTo>
                <a:close/>
              </a:path>
            </a:pathLst>
          </a:custGeom>
          <a:solidFill>
            <a:srgbClr val="00A859"/>
          </a:solidFill>
        </p:spPr>
        <p:txBody>
          <a:bodyPr wrap="square" lIns="0" tIns="0" rIns="0" bIns="0" rtlCol="0"/>
          <a:lstStyle/>
          <a:p>
            <a:endParaRPr sz="2396"/>
          </a:p>
        </p:txBody>
      </p:sp>
      <p:sp>
        <p:nvSpPr>
          <p:cNvPr id="21" name="object 10">
            <a:extLst>
              <a:ext uri="{FF2B5EF4-FFF2-40B4-BE49-F238E27FC236}">
                <a16:creationId xmlns:a16="http://schemas.microsoft.com/office/drawing/2014/main" xmlns="" id="{27824596-7DE1-4136-95E4-49A51856B6D3}"/>
              </a:ext>
            </a:extLst>
          </p:cNvPr>
          <p:cNvSpPr/>
          <p:nvPr/>
        </p:nvSpPr>
        <p:spPr>
          <a:xfrm>
            <a:off x="9940666" y="482101"/>
            <a:ext cx="1425128" cy="1276313"/>
          </a:xfrm>
          <a:custGeom>
            <a:avLst/>
            <a:gdLst/>
            <a:ahLst/>
            <a:cxnLst/>
            <a:rect l="l" t="t" r="r" b="b"/>
            <a:pathLst>
              <a:path w="603885" h="603885">
                <a:moveTo>
                  <a:pt x="0" y="0"/>
                </a:moveTo>
                <a:lnTo>
                  <a:pt x="603605" y="0"/>
                </a:lnTo>
                <a:lnTo>
                  <a:pt x="603605" y="603618"/>
                </a:lnTo>
                <a:lnTo>
                  <a:pt x="0" y="603618"/>
                </a:lnTo>
                <a:lnTo>
                  <a:pt x="0" y="0"/>
                </a:lnTo>
                <a:close/>
              </a:path>
            </a:pathLst>
          </a:custGeom>
          <a:ln w="30481">
            <a:solidFill>
              <a:srgbClr val="FEFEFE"/>
            </a:solidFill>
          </a:ln>
        </p:spPr>
        <p:txBody>
          <a:bodyPr wrap="square" lIns="0" tIns="0" rIns="0" bIns="0" rtlCol="0"/>
          <a:lstStyle/>
          <a:p>
            <a:endParaRPr sz="2396"/>
          </a:p>
        </p:txBody>
      </p:sp>
      <p:sp>
        <p:nvSpPr>
          <p:cNvPr id="22" name="object 12">
            <a:extLst>
              <a:ext uri="{FF2B5EF4-FFF2-40B4-BE49-F238E27FC236}">
                <a16:creationId xmlns:a16="http://schemas.microsoft.com/office/drawing/2014/main" xmlns="" id="{CAFE6579-511C-4CCB-9A5C-300ACC2F553A}"/>
              </a:ext>
            </a:extLst>
          </p:cNvPr>
          <p:cNvSpPr txBox="1"/>
          <p:nvPr/>
        </p:nvSpPr>
        <p:spPr>
          <a:xfrm>
            <a:off x="10031432" y="759071"/>
            <a:ext cx="1388954" cy="1180347"/>
          </a:xfrm>
          <a:prstGeom prst="rect">
            <a:avLst/>
          </a:prstGeom>
        </p:spPr>
        <p:txBody>
          <a:bodyPr vert="horz" wrap="square" lIns="0" tIns="33552" rIns="0" bIns="0" rtlCol="0">
            <a:spAutoFit/>
          </a:bodyPr>
          <a:lstStyle/>
          <a:p>
            <a:pPr>
              <a:spcBef>
                <a:spcPts val="265"/>
              </a:spcBef>
            </a:pPr>
            <a:r>
              <a:rPr lang="en-US" sz="3600" b="1" spc="21" dirty="0" smtClean="0">
                <a:solidFill>
                  <a:srgbClr val="FEFEFE"/>
                </a:solidFill>
                <a:latin typeface="Arial"/>
                <a:cs typeface="Arial"/>
              </a:rPr>
              <a:t>8-</a:t>
            </a:r>
            <a:r>
              <a:rPr lang="en-US" sz="3600" b="1" spc="-11" dirty="0" smtClean="0">
                <a:solidFill>
                  <a:srgbClr val="FEFEFE"/>
                </a:solidFill>
                <a:latin typeface="Arial"/>
                <a:cs typeface="Arial"/>
              </a:rPr>
              <a:t>sinf</a:t>
            </a:r>
            <a:endParaRPr lang="en-US" sz="3600" b="1" dirty="0">
              <a:latin typeface="Arial"/>
              <a:cs typeface="Arial"/>
            </a:endParaRPr>
          </a:p>
          <a:p>
            <a:pPr>
              <a:spcBef>
                <a:spcPts val="265"/>
              </a:spcBef>
            </a:pPr>
            <a:endParaRPr sz="3600" b="1" dirty="0">
              <a:latin typeface="Arial"/>
              <a:cs typeface="Arial"/>
            </a:endParaRPr>
          </a:p>
        </p:txBody>
      </p:sp>
      <p:sp>
        <p:nvSpPr>
          <p:cNvPr id="19" name="object 11">
            <a:extLst>
              <a:ext uri="{FF2B5EF4-FFF2-40B4-BE49-F238E27FC236}">
                <a16:creationId xmlns:a16="http://schemas.microsoft.com/office/drawing/2014/main" xmlns="" id="{382AB4AE-4981-4494-BB32-7A573B110208}"/>
              </a:ext>
            </a:extLst>
          </p:cNvPr>
          <p:cNvSpPr/>
          <p:nvPr/>
        </p:nvSpPr>
        <p:spPr>
          <a:xfrm>
            <a:off x="695366" y="641327"/>
            <a:ext cx="1042978" cy="802396"/>
          </a:xfrm>
          <a:custGeom>
            <a:avLst/>
            <a:gdLst/>
            <a:ahLst/>
            <a:cxnLst/>
            <a:rect l="l" t="t" r="r" b="b"/>
            <a:pathLst>
              <a:path w="492759" h="379095">
                <a:moveTo>
                  <a:pt x="447094" y="0"/>
                </a:moveTo>
                <a:lnTo>
                  <a:pt x="45651" y="0"/>
                </a:lnTo>
                <a:lnTo>
                  <a:pt x="39383" y="6267"/>
                </a:lnTo>
                <a:lnTo>
                  <a:pt x="39383" y="264483"/>
                </a:lnTo>
                <a:lnTo>
                  <a:pt x="633" y="340944"/>
                </a:lnTo>
                <a:lnTo>
                  <a:pt x="309" y="341805"/>
                </a:lnTo>
                <a:lnTo>
                  <a:pt x="101" y="342658"/>
                </a:lnTo>
                <a:lnTo>
                  <a:pt x="0" y="371350"/>
                </a:lnTo>
                <a:lnTo>
                  <a:pt x="7444" y="378795"/>
                </a:lnTo>
                <a:lnTo>
                  <a:pt x="485302" y="378795"/>
                </a:lnTo>
                <a:lnTo>
                  <a:pt x="492747" y="371350"/>
                </a:lnTo>
                <a:lnTo>
                  <a:pt x="492747" y="364359"/>
                </a:lnTo>
                <a:lnTo>
                  <a:pt x="15405" y="364359"/>
                </a:lnTo>
                <a:lnTo>
                  <a:pt x="14436" y="363390"/>
                </a:lnTo>
                <a:lnTo>
                  <a:pt x="14436" y="351108"/>
                </a:lnTo>
                <a:lnTo>
                  <a:pt x="492747" y="351108"/>
                </a:lnTo>
                <a:lnTo>
                  <a:pt x="492644" y="342658"/>
                </a:lnTo>
                <a:lnTo>
                  <a:pt x="492437" y="341805"/>
                </a:lnTo>
                <a:lnTo>
                  <a:pt x="492113" y="340944"/>
                </a:lnTo>
                <a:lnTo>
                  <a:pt x="489948" y="336671"/>
                </a:lnTo>
                <a:lnTo>
                  <a:pt x="18968" y="336671"/>
                </a:lnTo>
                <a:lnTo>
                  <a:pt x="51033" y="273427"/>
                </a:lnTo>
                <a:lnTo>
                  <a:pt x="457895" y="273427"/>
                </a:lnTo>
                <a:lnTo>
                  <a:pt x="453363" y="264483"/>
                </a:lnTo>
                <a:lnTo>
                  <a:pt x="453363" y="258991"/>
                </a:lnTo>
                <a:lnTo>
                  <a:pt x="53820" y="258991"/>
                </a:lnTo>
                <a:lnTo>
                  <a:pt x="53820" y="14436"/>
                </a:lnTo>
                <a:lnTo>
                  <a:pt x="453363" y="14436"/>
                </a:lnTo>
                <a:lnTo>
                  <a:pt x="453363" y="6267"/>
                </a:lnTo>
                <a:lnTo>
                  <a:pt x="447094" y="0"/>
                </a:lnTo>
                <a:close/>
              </a:path>
              <a:path w="492759" h="379095">
                <a:moveTo>
                  <a:pt x="492747" y="351108"/>
                </a:moveTo>
                <a:lnTo>
                  <a:pt x="478311" y="351108"/>
                </a:lnTo>
                <a:lnTo>
                  <a:pt x="478311" y="363390"/>
                </a:lnTo>
                <a:lnTo>
                  <a:pt x="477342" y="364359"/>
                </a:lnTo>
                <a:lnTo>
                  <a:pt x="492747" y="364359"/>
                </a:lnTo>
                <a:lnTo>
                  <a:pt x="492747" y="351108"/>
                </a:lnTo>
                <a:close/>
              </a:path>
              <a:path w="492759" h="379095">
                <a:moveTo>
                  <a:pt x="300225" y="297831"/>
                </a:moveTo>
                <a:lnTo>
                  <a:pt x="192520" y="297831"/>
                </a:lnTo>
                <a:lnTo>
                  <a:pt x="187131" y="301934"/>
                </a:lnTo>
                <a:lnTo>
                  <a:pt x="177552" y="336671"/>
                </a:lnTo>
                <a:lnTo>
                  <a:pt x="192528" y="336671"/>
                </a:lnTo>
                <a:lnTo>
                  <a:pt x="199260" y="312267"/>
                </a:lnTo>
                <a:lnTo>
                  <a:pt x="308461" y="312267"/>
                </a:lnTo>
                <a:lnTo>
                  <a:pt x="305611" y="301934"/>
                </a:lnTo>
                <a:lnTo>
                  <a:pt x="300225" y="297831"/>
                </a:lnTo>
                <a:close/>
              </a:path>
              <a:path w="492759" h="379095">
                <a:moveTo>
                  <a:pt x="308461" y="312267"/>
                </a:moveTo>
                <a:lnTo>
                  <a:pt x="293486" y="312267"/>
                </a:lnTo>
                <a:lnTo>
                  <a:pt x="300219" y="336671"/>
                </a:lnTo>
                <a:lnTo>
                  <a:pt x="315191" y="336671"/>
                </a:lnTo>
                <a:lnTo>
                  <a:pt x="308461" y="312267"/>
                </a:lnTo>
                <a:close/>
              </a:path>
              <a:path w="492759" h="379095">
                <a:moveTo>
                  <a:pt x="457895" y="273427"/>
                </a:moveTo>
                <a:lnTo>
                  <a:pt x="441709" y="273427"/>
                </a:lnTo>
                <a:lnTo>
                  <a:pt x="473774" y="336671"/>
                </a:lnTo>
                <a:lnTo>
                  <a:pt x="489948" y="336671"/>
                </a:lnTo>
                <a:lnTo>
                  <a:pt x="457895" y="273427"/>
                </a:lnTo>
                <a:close/>
              </a:path>
              <a:path w="492759" h="379095">
                <a:moveTo>
                  <a:pt x="453363" y="14436"/>
                </a:moveTo>
                <a:lnTo>
                  <a:pt x="438927" y="14436"/>
                </a:lnTo>
                <a:lnTo>
                  <a:pt x="438927" y="258991"/>
                </a:lnTo>
                <a:lnTo>
                  <a:pt x="453363" y="258991"/>
                </a:lnTo>
                <a:lnTo>
                  <a:pt x="453363" y="14436"/>
                </a:lnTo>
                <a:close/>
              </a:path>
            </a:pathLst>
          </a:custGeom>
          <a:solidFill>
            <a:srgbClr val="00AEEF"/>
          </a:solidFill>
        </p:spPr>
        <p:txBody>
          <a:bodyPr wrap="square" lIns="0" tIns="0" rIns="0" bIns="0" rtlCol="0"/>
          <a:lstStyle/>
          <a:p>
            <a:endParaRPr sz="3810" dirty="0"/>
          </a:p>
        </p:txBody>
      </p:sp>
      <p:sp>
        <p:nvSpPr>
          <p:cNvPr id="24" name="object 12">
            <a:extLst>
              <a:ext uri="{FF2B5EF4-FFF2-40B4-BE49-F238E27FC236}">
                <a16:creationId xmlns:a16="http://schemas.microsoft.com/office/drawing/2014/main" xmlns="" id="{095BD782-9915-451D-8BDE-31B9F6A26271}"/>
              </a:ext>
            </a:extLst>
          </p:cNvPr>
          <p:cNvSpPr/>
          <p:nvPr/>
        </p:nvSpPr>
        <p:spPr>
          <a:xfrm>
            <a:off x="841873" y="956161"/>
            <a:ext cx="749978" cy="201607"/>
          </a:xfrm>
          <a:custGeom>
            <a:avLst/>
            <a:gdLst/>
            <a:ahLst/>
            <a:cxnLst/>
            <a:rect l="l" t="t" r="r" b="b"/>
            <a:pathLst>
              <a:path w="354330" h="95250">
                <a:moveTo>
                  <a:pt x="11206" y="0"/>
                </a:moveTo>
                <a:lnTo>
                  <a:pt x="3233" y="0"/>
                </a:lnTo>
                <a:lnTo>
                  <a:pt x="0" y="3228"/>
                </a:lnTo>
                <a:lnTo>
                  <a:pt x="3" y="89772"/>
                </a:lnTo>
                <a:lnTo>
                  <a:pt x="5076" y="94848"/>
                </a:lnTo>
                <a:lnTo>
                  <a:pt x="349236" y="94848"/>
                </a:lnTo>
                <a:lnTo>
                  <a:pt x="354312" y="89772"/>
                </a:lnTo>
                <a:lnTo>
                  <a:pt x="354312" y="80412"/>
                </a:lnTo>
                <a:lnTo>
                  <a:pt x="14436" y="80412"/>
                </a:lnTo>
                <a:lnTo>
                  <a:pt x="14436" y="3228"/>
                </a:lnTo>
                <a:lnTo>
                  <a:pt x="11206" y="0"/>
                </a:lnTo>
                <a:close/>
              </a:path>
              <a:path w="354330" h="95250">
                <a:moveTo>
                  <a:pt x="351078" y="0"/>
                </a:moveTo>
                <a:lnTo>
                  <a:pt x="343105" y="0"/>
                </a:lnTo>
                <a:lnTo>
                  <a:pt x="339876" y="3228"/>
                </a:lnTo>
                <a:lnTo>
                  <a:pt x="339876" y="80412"/>
                </a:lnTo>
                <a:lnTo>
                  <a:pt x="354312" y="80412"/>
                </a:lnTo>
                <a:lnTo>
                  <a:pt x="354312" y="3228"/>
                </a:lnTo>
                <a:lnTo>
                  <a:pt x="351078" y="0"/>
                </a:lnTo>
                <a:close/>
              </a:path>
            </a:pathLst>
          </a:custGeom>
          <a:solidFill>
            <a:srgbClr val="00AEEF"/>
          </a:solidFill>
        </p:spPr>
        <p:txBody>
          <a:bodyPr wrap="square" lIns="0" tIns="0" rIns="0" bIns="0" rtlCol="0"/>
          <a:lstStyle/>
          <a:p>
            <a:endParaRPr sz="3810"/>
          </a:p>
        </p:txBody>
      </p:sp>
      <p:sp>
        <p:nvSpPr>
          <p:cNvPr id="25" name="object 13">
            <a:extLst>
              <a:ext uri="{FF2B5EF4-FFF2-40B4-BE49-F238E27FC236}">
                <a16:creationId xmlns:a16="http://schemas.microsoft.com/office/drawing/2014/main" xmlns="" id="{312CDD75-671C-4D07-9747-AFD5EA1B46A6}"/>
              </a:ext>
            </a:extLst>
          </p:cNvPr>
          <p:cNvSpPr/>
          <p:nvPr/>
        </p:nvSpPr>
        <p:spPr>
          <a:xfrm>
            <a:off x="841873" y="704479"/>
            <a:ext cx="749978" cy="201607"/>
          </a:xfrm>
          <a:custGeom>
            <a:avLst/>
            <a:gdLst/>
            <a:ahLst/>
            <a:cxnLst/>
            <a:rect l="l" t="t" r="r" b="b"/>
            <a:pathLst>
              <a:path w="354330" h="95250">
                <a:moveTo>
                  <a:pt x="349236" y="0"/>
                </a:moveTo>
                <a:lnTo>
                  <a:pt x="5079" y="0"/>
                </a:lnTo>
                <a:lnTo>
                  <a:pt x="0" y="5076"/>
                </a:lnTo>
                <a:lnTo>
                  <a:pt x="0" y="91616"/>
                </a:lnTo>
                <a:lnTo>
                  <a:pt x="3233" y="94849"/>
                </a:lnTo>
                <a:lnTo>
                  <a:pt x="11206" y="94849"/>
                </a:lnTo>
                <a:lnTo>
                  <a:pt x="14436" y="91616"/>
                </a:lnTo>
                <a:lnTo>
                  <a:pt x="14436" y="14436"/>
                </a:lnTo>
                <a:lnTo>
                  <a:pt x="354312" y="14436"/>
                </a:lnTo>
                <a:lnTo>
                  <a:pt x="354312" y="5076"/>
                </a:lnTo>
                <a:lnTo>
                  <a:pt x="349236" y="0"/>
                </a:lnTo>
                <a:close/>
              </a:path>
              <a:path w="354330" h="95250">
                <a:moveTo>
                  <a:pt x="354312" y="14436"/>
                </a:moveTo>
                <a:lnTo>
                  <a:pt x="339876" y="14436"/>
                </a:lnTo>
                <a:lnTo>
                  <a:pt x="339876" y="91616"/>
                </a:lnTo>
                <a:lnTo>
                  <a:pt x="343105" y="94849"/>
                </a:lnTo>
                <a:lnTo>
                  <a:pt x="351078" y="94849"/>
                </a:lnTo>
                <a:lnTo>
                  <a:pt x="354312" y="91616"/>
                </a:lnTo>
                <a:lnTo>
                  <a:pt x="354312" y="14436"/>
                </a:lnTo>
                <a:close/>
              </a:path>
            </a:pathLst>
          </a:custGeom>
          <a:solidFill>
            <a:srgbClr val="00AEEF"/>
          </a:solidFill>
        </p:spPr>
        <p:txBody>
          <a:bodyPr wrap="square" lIns="0" tIns="0" rIns="0" bIns="0" rtlCol="0"/>
          <a:lstStyle/>
          <a:p>
            <a:endParaRPr sz="3810"/>
          </a:p>
        </p:txBody>
      </p:sp>
      <p:pic>
        <p:nvPicPr>
          <p:cNvPr id="3" name="Рисунок 2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905122" y="2552131"/>
            <a:ext cx="1641574" cy="2207736"/>
          </a:xfrm>
          <a:prstGeom prst="rect">
            <a:avLst/>
          </a:prstGeom>
        </p:spPr>
      </p:pic>
      <p:sp>
        <p:nvSpPr>
          <p:cNvPr id="17" name="object 5">
            <a:extLst>
              <a:ext uri="{FF2B5EF4-FFF2-40B4-BE49-F238E27FC236}">
                <a16:creationId xmlns:a16="http://schemas.microsoft.com/office/drawing/2014/main" xmlns="" id="{A8BAE388-D6D2-40E9-8208-E39C1E0E7029}"/>
              </a:ext>
            </a:extLst>
          </p:cNvPr>
          <p:cNvSpPr/>
          <p:nvPr/>
        </p:nvSpPr>
        <p:spPr>
          <a:xfrm>
            <a:off x="928252" y="4305810"/>
            <a:ext cx="727405" cy="1665027"/>
          </a:xfrm>
          <a:custGeom>
            <a:avLst/>
            <a:gdLst/>
            <a:ahLst/>
            <a:cxnLst/>
            <a:rect l="l" t="t" r="r" b="b"/>
            <a:pathLst>
              <a:path w="344170" h="680719">
                <a:moveTo>
                  <a:pt x="343828" y="0"/>
                </a:moveTo>
                <a:lnTo>
                  <a:pt x="0" y="0"/>
                </a:lnTo>
                <a:lnTo>
                  <a:pt x="0" y="680466"/>
                </a:lnTo>
                <a:lnTo>
                  <a:pt x="343828" y="680466"/>
                </a:lnTo>
                <a:lnTo>
                  <a:pt x="343828" y="0"/>
                </a:lnTo>
                <a:close/>
              </a:path>
            </a:pathLst>
          </a:custGeom>
          <a:ln>
            <a:solidFill>
              <a:srgbClr val="A5A5A5"/>
            </a:solidFill>
          </a:ln>
        </p:spPr>
        <p:style>
          <a:lnRef idx="2">
            <a:schemeClr val="accent3">
              <a:shade val="50000"/>
            </a:schemeClr>
          </a:lnRef>
          <a:fillRef idx="1">
            <a:schemeClr val="accent3"/>
          </a:fillRef>
          <a:effectRef idx="0">
            <a:schemeClr val="accent3"/>
          </a:effectRef>
          <a:fontRef idx="minor">
            <a:schemeClr val="lt1"/>
          </a:fontRef>
        </p:style>
        <p:txBody>
          <a:bodyPr wrap="square" lIns="0" tIns="0" rIns="0" bIns="0" rtlCol="0"/>
          <a:lstStyle/>
          <a:p>
            <a:endParaRPr sz="2396"/>
          </a:p>
        </p:txBody>
      </p:sp>
    </p:spTree>
    <p:extLst>
      <p:ext uri="{BB962C8B-B14F-4D97-AF65-F5344CB8AC3E}">
        <p14:creationId xmlns:p14="http://schemas.microsoft.com/office/powerpoint/2010/main" val="40583724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LMS INTERFEYSI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451934" y="1195722"/>
            <a:ext cx="11160946" cy="2308324"/>
          </a:xfrm>
          <a:prstGeom prst="rect">
            <a:avLst/>
          </a:prstGeom>
          <a:ln>
            <a:solidFill>
              <a:srgbClr val="ED553B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US" sz="2400" b="1" dirty="0">
                <a:latin typeface="Arial" panose="020B0604020202020204" pitchFamily="34" charset="0"/>
                <a:cs typeface="Arial" panose="020B0604020202020204" pitchFamily="34" charset="0"/>
              </a:rPr>
              <a:t>Schoology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(https://www.schoology.com/) —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muassasalar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chu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o‘ljallang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ulutl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LMS. Schoology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Google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Drive, Microsoft OneDrive, Blackboard Collaborate,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Moodle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PowerSchool, Evernote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YouTube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il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irlash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lad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O‘qituvchilarga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chilar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il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teriallar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opshiriqlar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yuzasidan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fikr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almash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ham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chilar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larning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ota-onalar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il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yushg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hol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aloq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rnat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imkoniyat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erad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ru-RU" sz="24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5" name="Picture 6" descr="Introducing Schoology - Kalles Junior High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51668" y="3959079"/>
            <a:ext cx="1715694" cy="17156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Прямоугольник 15"/>
          <p:cNvSpPr/>
          <p:nvPr/>
        </p:nvSpPr>
        <p:spPr>
          <a:xfrm>
            <a:off x="8640340" y="5708223"/>
            <a:ext cx="136447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Schoology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8" name="Picture 4" descr="Learning Management System, HD Png Download - kindpng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977" b="5920"/>
          <a:stretch/>
        </p:blipFill>
        <p:spPr bwMode="auto">
          <a:xfrm>
            <a:off x="2293705" y="3663846"/>
            <a:ext cx="4729934" cy="2827414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15515" y="3582811"/>
            <a:ext cx="6360548" cy="318374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647768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4" descr="Learning Management System, HD Png Download - kindpng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977" b="5920"/>
          <a:stretch/>
        </p:blipFill>
        <p:spPr bwMode="auto">
          <a:xfrm>
            <a:off x="6598900" y="2302907"/>
            <a:ext cx="4729934" cy="2827414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LMS INTERFEYSI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460375" y="1333434"/>
            <a:ext cx="5143591" cy="4524315"/>
          </a:xfrm>
          <a:prstGeom prst="rect">
            <a:avLst/>
          </a:prstGeom>
          <a:ln>
            <a:solidFill>
              <a:srgbClr val="ED553B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US" sz="2400" b="1" dirty="0" err="1" smtClean="0">
                <a:latin typeface="Arial" panose="020B0604020202020204" pitchFamily="34" charset="0"/>
                <a:cs typeface="Arial" panose="020B0604020202020204" pitchFamily="34" charset="0"/>
              </a:rPr>
              <a:t>iSpring</a:t>
            </a:r>
            <a:r>
              <a:rPr lang="en-US" sz="2400" b="1" dirty="0" smtClean="0">
                <a:latin typeface="Arial" panose="020B0604020202020204" pitchFamily="34" charset="0"/>
                <a:cs typeface="Arial" panose="020B0604020202020204" pitchFamily="34" charset="0"/>
              </a:rPr>
              <a:t> Learn	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(https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://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www.ispringsolutions.com)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platformasida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ko’plab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muassasalar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faoliyat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yuritmoqda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Platformaning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’ruz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uharrir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o‘lim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yordamida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odul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ning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teriallar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(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tnl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audio, video,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taqdimot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simulyator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opshiriq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test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b.)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iritilad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Hisobotlar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o‘lim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yordami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foydalanuvchilar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faoliyat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ham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zlashtir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natijalar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hlil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statistikas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yurit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umki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ru-RU" sz="24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943547" y="1117344"/>
            <a:ext cx="6138525" cy="5487774"/>
          </a:xfrm>
          <a:prstGeom prst="rect">
            <a:avLst/>
          </a:prstGeom>
        </p:spPr>
      </p:pic>
      <p:pic>
        <p:nvPicPr>
          <p:cNvPr id="10" name="Picture 2" descr="iSpring Learn for Android - APK Download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569491" y="1248054"/>
            <a:ext cx="1174121" cy="117412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3" name="Прямоугольник 12"/>
          <p:cNvSpPr/>
          <p:nvPr/>
        </p:nvSpPr>
        <p:spPr>
          <a:xfrm>
            <a:off x="10358898" y="2506874"/>
            <a:ext cx="159530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Spring</a:t>
            </a:r>
            <a:r>
              <a:rPr lang="ru-RU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learn</a:t>
            </a:r>
            <a:endParaRPr lang="ru-RU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64063943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LMS INTERFEYSI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451934" y="1195722"/>
            <a:ext cx="9906912" cy="2677656"/>
          </a:xfrm>
          <a:prstGeom prst="rect">
            <a:avLst/>
          </a:prstGeom>
          <a:ln>
            <a:solidFill>
              <a:srgbClr val="ED553B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US" sz="2400" b="1" dirty="0">
                <a:latin typeface="Arial" panose="020B0604020202020204" pitchFamily="34" charset="0"/>
                <a:cs typeface="Arial" panose="020B0604020202020204" pitchFamily="34" charset="0"/>
              </a:rPr>
              <a:t>Google Classroom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(https://classroom.google.com/) —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chu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</a:p>
          <a:p>
            <a:pPr algn="just"/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o‘ljallang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platform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o‘lib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urs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/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sinf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yarat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chilar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qo‘sh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kerakl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teriallar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irit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chilarg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qdim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et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chilarg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topshiriqlar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er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larning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ishlar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ahola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faoliyat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uzatib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or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o‘quvchilar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il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uloqot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qil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ab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imkoniyatlar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qdim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etad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 Google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Classroomda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Google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akkauntg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eg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xohlag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foydalanuvch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urs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yaratish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mumki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ru-RU" sz="24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3" name="Picture 4" descr="Google classroom Icon of Flat style - Available in SVG, PNG, EPS, AI &amp; Icon  fonts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696427" y="1572239"/>
            <a:ext cx="1094705" cy="10947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4" name="Прямоугольник 13"/>
          <p:cNvSpPr/>
          <p:nvPr/>
        </p:nvSpPr>
        <p:spPr>
          <a:xfrm>
            <a:off x="10565670" y="2587901"/>
            <a:ext cx="1356217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Google</a:t>
            </a:r>
            <a:r>
              <a:rPr lang="ru-RU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classroom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7" name="Picture 4" descr="Learning Management System, HD Png Download - kindpng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977" b="5920"/>
          <a:stretch/>
        </p:blipFill>
        <p:spPr bwMode="auto">
          <a:xfrm>
            <a:off x="3604170" y="4153988"/>
            <a:ext cx="4729934" cy="2579219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" name="Рисунок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72454" y="4129438"/>
            <a:ext cx="7393365" cy="2594968"/>
          </a:xfrm>
          <a:prstGeom prst="rect">
            <a:avLst/>
          </a:prstGeom>
        </p:spPr>
      </p:pic>
      <p:sp>
        <p:nvSpPr>
          <p:cNvPr id="5" name="Прямоугольник 4"/>
          <p:cNvSpPr/>
          <p:nvPr/>
        </p:nvSpPr>
        <p:spPr>
          <a:xfrm>
            <a:off x="2103121" y="4117392"/>
            <a:ext cx="1058091" cy="29062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511171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8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/>
      <p:bldP spid="5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4" descr="Learning Management System, HD Png Download - kindpng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977" b="5920"/>
          <a:stretch/>
        </p:blipFill>
        <p:spPr bwMode="auto">
          <a:xfrm>
            <a:off x="3604170" y="3905794"/>
            <a:ext cx="4729934" cy="2827414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LMS INTERFEYSI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451933" y="1195722"/>
            <a:ext cx="11239323" cy="2677656"/>
          </a:xfrm>
          <a:prstGeom prst="rect">
            <a:avLst/>
          </a:prstGeom>
          <a:ln>
            <a:solidFill>
              <a:srgbClr val="ED553B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US" sz="2400" b="1" dirty="0">
                <a:latin typeface="Arial" panose="020B0604020202020204" pitchFamily="34" charset="0"/>
                <a:cs typeface="Arial" panose="020B0604020202020204" pitchFamily="34" charset="0"/>
              </a:rPr>
              <a:t>Moodle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(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http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://moodle.org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/)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sofaviy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l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uhit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hisoblanib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sifatl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sofaviy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kurslarn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yarat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chu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o‘ljallang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epul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rqatiladig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u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dasturiy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jmu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o‘zining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funksional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imkoniyatlar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rganishdag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soddalig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ishlatishdag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qulaylig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il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foydalanuvchilarning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o‘plab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lablar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qanoatlantir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lad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Moodle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sofaviy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’lim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it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jarayon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o‘l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qo‘llab-quvvatla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chu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eng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doiradag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jumlad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ateriallar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url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sullar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er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ilimlar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ekshir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zlashtir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nazorat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amalga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shir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ab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imkoniyatlar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erad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ru-RU" sz="24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938681" y="3912837"/>
            <a:ext cx="6060911" cy="2879848"/>
          </a:xfrm>
          <a:prstGeom prst="rect">
            <a:avLst/>
          </a:prstGeom>
        </p:spPr>
      </p:pic>
      <p:sp>
        <p:nvSpPr>
          <p:cNvPr id="10" name="Прямоугольник 9"/>
          <p:cNvSpPr/>
          <p:nvPr/>
        </p:nvSpPr>
        <p:spPr>
          <a:xfrm>
            <a:off x="6967188" y="5907590"/>
            <a:ext cx="99257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b="1" dirty="0">
                <a:latin typeface="Arial" panose="020B0604020202020204" pitchFamily="34" charset="0"/>
                <a:cs typeface="Arial" panose="020B0604020202020204" pitchFamily="34" charset="0"/>
              </a:rPr>
              <a:t>Moodle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762365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4" descr="Learning Management System, HD Png Download - kindpng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977" b="5920"/>
          <a:stretch/>
        </p:blipFill>
        <p:spPr bwMode="auto">
          <a:xfrm>
            <a:off x="3012535" y="3543080"/>
            <a:ext cx="4729934" cy="2827414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LMS INTERFEYSI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451933" y="1195722"/>
            <a:ext cx="11239323" cy="1938992"/>
          </a:xfrm>
          <a:prstGeom prst="rect">
            <a:avLst/>
          </a:prstGeom>
          <a:ln>
            <a:solidFill>
              <a:srgbClr val="ED553B"/>
            </a:solidFill>
          </a:ln>
        </p:spPr>
        <p:txBody>
          <a:bodyPr wrap="square">
            <a:spAutoFit/>
          </a:bodyPr>
          <a:lstStyle/>
          <a:p>
            <a:pPr algn="just"/>
            <a:r>
              <a:rPr lang="en-US" sz="2400" b="1" dirty="0" err="1">
                <a:latin typeface="Arial" panose="020B0604020202020204" pitchFamily="34" charset="0"/>
                <a:cs typeface="Arial" panose="020B0604020202020204" pitchFamily="34" charset="0"/>
              </a:rPr>
              <a:t>LearnDa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—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mmabop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ontent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oshqaruv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izim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(CMS)da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sinflar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yarat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ular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oshqar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zgartir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nashr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etish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imkonin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eruvch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ishonchl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plagi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 Bu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plagi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WordPress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platformasi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rkibi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ishlayd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 Shu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sababl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agar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muassasas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kompyuteriga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WordPress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rnatilg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bo‘ls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qo‘shimch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ravish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LearnDash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plagin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rnatgan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holda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>
                <a:latin typeface="Arial" panose="020B0604020202020204" pitchFamily="34" charset="0"/>
                <a:cs typeface="Arial" panose="020B0604020202020204" pitchFamily="34" charset="0"/>
              </a:rPr>
              <a:t>kurslarini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yaratish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mumkin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endParaRPr lang="ru-RU" sz="24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626894" y="3265147"/>
            <a:ext cx="6011071" cy="3383280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949548" y="4396307"/>
            <a:ext cx="3247079" cy="117969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0062899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613349" y="593190"/>
            <a:ext cx="810717" cy="719532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/>
          </a:p>
        </p:txBody>
      </p:sp>
      <p:sp>
        <p:nvSpPr>
          <p:cNvPr id="8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0665084" y="593190"/>
            <a:ext cx="877341" cy="719532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/>
          </a:p>
        </p:txBody>
      </p:sp>
      <p:pic>
        <p:nvPicPr>
          <p:cNvPr id="9" name="Picture 4" descr="Download Instagram New Logo Multi Color Vector Logo Blue Text - Instagram  Logo Vector 2018 PNG Image with No Background - PNGkey.com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92918" y="611144"/>
            <a:ext cx="614597" cy="39319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4" name="Заголовок 1"/>
          <p:cNvSpPr txBox="1">
            <a:spLocks/>
          </p:cNvSpPr>
          <p:nvPr/>
        </p:nvSpPr>
        <p:spPr>
          <a:xfrm>
            <a:off x="104931" y="119921"/>
            <a:ext cx="11977141" cy="1230761"/>
          </a:xfrm>
          <a:prstGeom prst="rect">
            <a:avLst/>
          </a:prstGeom>
          <a:solidFill>
            <a:srgbClr val="2365C7"/>
          </a:solidFill>
        </p:spPr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ctr">
              <a:lnSpc>
                <a:spcPct val="110000"/>
              </a:lnSpc>
            </a:pPr>
            <a:r>
              <a:rPr lang="en-US" sz="3200" b="1" dirty="0" smtClean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MUSTAQIL BAJARISH UCHUN TOPSHIRIQLAR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5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463449" y="428300"/>
            <a:ext cx="810717" cy="719532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/>
          </a:p>
        </p:txBody>
      </p:sp>
      <p:sp>
        <p:nvSpPr>
          <p:cNvPr id="26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0770014" y="413310"/>
            <a:ext cx="877341" cy="719532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/>
          </a:p>
        </p:txBody>
      </p:sp>
      <p:sp>
        <p:nvSpPr>
          <p:cNvPr id="28" name="Объект 2"/>
          <p:cNvSpPr>
            <a:spLocks noGrp="1"/>
          </p:cNvSpPr>
          <p:nvPr>
            <p:ph idx="1"/>
          </p:nvPr>
        </p:nvSpPr>
        <p:spPr>
          <a:xfrm>
            <a:off x="569806" y="2125981"/>
            <a:ext cx="6745394" cy="2829884"/>
          </a:xfrm>
          <a:ln>
            <a:solidFill>
              <a:srgbClr val="2365C7"/>
            </a:solidFill>
          </a:ln>
        </p:spPr>
        <p:txBody>
          <a:bodyPr>
            <a:noAutofit/>
          </a:bodyPr>
          <a:lstStyle/>
          <a:p>
            <a:pPr marL="514350" indent="-514350">
              <a:lnSpc>
                <a:spcPct val="120000"/>
              </a:lnSpc>
              <a:buAutoNum type="arabicPeriod"/>
            </a:pPr>
            <a:r>
              <a:rPr lang="en-US" sz="32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Savollarga</a:t>
            </a:r>
            <a:r>
              <a:rPr lang="en-US" sz="32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javob</a:t>
            </a:r>
            <a:r>
              <a:rPr lang="en-US" sz="32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yozing</a:t>
            </a:r>
            <a:r>
              <a:rPr lang="en-US" sz="3200" dirty="0" smtClean="0">
                <a:latin typeface="Arial" panose="020B0604020202020204" pitchFamily="34" charset="0"/>
                <a:cs typeface="Arial" panose="020B0604020202020204" pitchFamily="34" charset="0"/>
              </a:rPr>
              <a:t> (67-bet).</a:t>
            </a:r>
          </a:p>
          <a:p>
            <a:pPr marL="514350" indent="-514350">
              <a:lnSpc>
                <a:spcPct val="120000"/>
              </a:lnSpc>
              <a:buAutoNum type="arabicPeriod"/>
            </a:pPr>
            <a:r>
              <a:rPr lang="en-US" sz="3200" dirty="0" smtClean="0">
                <a:latin typeface="Arial" panose="020B0604020202020204" pitchFamily="34" charset="0"/>
                <a:cs typeface="Arial" panose="020B0604020202020204" pitchFamily="34" charset="0"/>
              </a:rPr>
              <a:t>Internet </a:t>
            </a:r>
            <a:r>
              <a:rPr lang="en-US" sz="32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orqali</a:t>
            </a:r>
            <a:r>
              <a:rPr lang="en-US" sz="3200" dirty="0" smtClean="0">
                <a:latin typeface="Arial" panose="020B0604020202020204" pitchFamily="34" charset="0"/>
                <a:cs typeface="Arial" panose="020B0604020202020204" pitchFamily="34" charset="0"/>
              </a:rPr>
              <a:t> LMS </a:t>
            </a:r>
            <a:r>
              <a:rPr lang="en-US" sz="32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platformalarining</a:t>
            </a:r>
            <a:r>
              <a:rPr lang="en-US" sz="3200" dirty="0" smtClean="0">
                <a:latin typeface="Arial" panose="020B0604020202020204" pitchFamily="34" charset="0"/>
                <a:cs typeface="Arial" panose="020B0604020202020204" pitchFamily="34" charset="0"/>
              </a:rPr>
              <a:t> web-</a:t>
            </a:r>
            <a:r>
              <a:rPr lang="en-US" sz="32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saytlari</a:t>
            </a:r>
            <a:r>
              <a:rPr lang="en-US" sz="32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ilan</a:t>
            </a:r>
            <a:r>
              <a:rPr lang="ru-RU" sz="32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tanishib</a:t>
            </a:r>
            <a:r>
              <a:rPr lang="en-US" sz="32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chiqing</a:t>
            </a:r>
            <a:r>
              <a:rPr lang="en-US" sz="3200" dirty="0" smtClean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ru-RU" sz="32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1268" name="Picture 4" descr="homework boy desk - /education/kids/homework/homework_boy_desk.png.html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59851" y="1426231"/>
            <a:ext cx="3348833" cy="382286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6909489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2"/>
            <a:ext cx="11977141" cy="964244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 smtClean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MASOFAVIY TA’LIM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307975" y="240178"/>
            <a:ext cx="810717" cy="719532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0992082" y="240178"/>
            <a:ext cx="877341" cy="719532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10" name="Прямоугольник 9"/>
          <p:cNvSpPr/>
          <p:nvPr/>
        </p:nvSpPr>
        <p:spPr>
          <a:xfrm>
            <a:off x="855295" y="1613118"/>
            <a:ext cx="10476411" cy="181588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Ta’limni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boshqaruv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tizimlari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(LMS) —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elektron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dasturlarini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tashkil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etuvchi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amalga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oshiruvchi</a:t>
            </a:r>
            <a:r>
              <a:rPr lang="en-US" sz="28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hamda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o‘quvchilarning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o‘zlashtirish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natijalari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ustidan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nazorat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olib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borish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ularni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saqlab</a:t>
            </a:r>
            <a:r>
              <a:rPr lang="en-US" sz="28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qo‘yish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imkoniyatini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beruvchi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onlayn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dirty="0" err="1">
                <a:latin typeface="Arial" panose="020B0604020202020204" pitchFamily="34" charset="0"/>
                <a:cs typeface="Arial" panose="020B0604020202020204" pitchFamily="34" charset="0"/>
              </a:rPr>
              <a:t>platforma</a:t>
            </a:r>
            <a:r>
              <a:rPr lang="en-US" sz="2800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ru-RU" sz="28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026" name="Picture 2" descr="Building Sustainable Coding Programs - learn.libraryjournal.com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0375" y="4154704"/>
            <a:ext cx="2988220" cy="176839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4" descr="Video Books | Clever Marketing, Digital Agency - 01276 534 680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764427" y="4041443"/>
            <a:ext cx="1768601" cy="123468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0" name="Picture 6" descr="Administration clipart 10 » Clipart Station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437" t="5971" r="19361" b="6033"/>
          <a:stretch/>
        </p:blipFill>
        <p:spPr bwMode="auto">
          <a:xfrm>
            <a:off x="8569235" y="3370932"/>
            <a:ext cx="1567543" cy="156754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2" name="Picture 8" descr="Mother And Father Png &amp; Free Mother And Father.png Transparent Images  #72632 - PNGio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569235" y="5093608"/>
            <a:ext cx="1555660" cy="15556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Стрелка влево 3"/>
          <p:cNvSpPr/>
          <p:nvPr/>
        </p:nvSpPr>
        <p:spPr>
          <a:xfrm rot="20207500">
            <a:off x="7265097" y="4573878"/>
            <a:ext cx="1199657" cy="378823"/>
          </a:xfrm>
          <a:prstGeom prst="leftArrow">
            <a:avLst/>
          </a:prstGeom>
          <a:solidFill>
            <a:srgbClr val="FFFF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3" name="Стрелка влево 12"/>
          <p:cNvSpPr/>
          <p:nvPr/>
        </p:nvSpPr>
        <p:spPr>
          <a:xfrm rot="1152248">
            <a:off x="7304205" y="5852404"/>
            <a:ext cx="1199657" cy="378823"/>
          </a:xfrm>
          <a:prstGeom prst="leftArrow">
            <a:avLst/>
          </a:prstGeom>
          <a:solidFill>
            <a:srgbClr val="FFFF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5" name="Стрелка вправо 4"/>
          <p:cNvSpPr/>
          <p:nvPr/>
        </p:nvSpPr>
        <p:spPr>
          <a:xfrm>
            <a:off x="3525011" y="5023076"/>
            <a:ext cx="773642" cy="437198"/>
          </a:xfrm>
          <a:prstGeom prst="rightArrow">
            <a:avLst/>
          </a:prstGeom>
          <a:solidFill>
            <a:srgbClr val="FFFF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034" name="Picture 10" descr="Online learning / Online Learning Homepage (New)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77030" y="5254041"/>
            <a:ext cx="2692128" cy="10768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6" name="Picture 12" descr="Concept of Mixed Learning Design - Dreamsyntax : Dreamsyntax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70715" y="3850963"/>
            <a:ext cx="2866042" cy="26455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1064170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103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103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000" fill="hold"/>
                                        <p:tgtEl>
                                          <p:spTgt spid="103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10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38" dur="500"/>
                                        <p:tgtEl>
                                          <p:spTgt spid="10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13" grpId="0" animBg="1"/>
      <p:bldP spid="5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77359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TAYANCH </a:t>
            </a:r>
            <a:r>
              <a:rPr lang="en-US" sz="3200" b="1" dirty="0" smtClean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TUSHUNCHALAR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534790" y="1685187"/>
            <a:ext cx="8361018" cy="1587435"/>
          </a:xfrm>
          <a:ln>
            <a:solidFill>
              <a:srgbClr val="00B0F0"/>
            </a:solidFill>
          </a:ln>
        </p:spPr>
        <p:txBody>
          <a:bodyPr numCol="1">
            <a:normAutofit lnSpcReduction="10000"/>
          </a:bodyPr>
          <a:lstStyle/>
          <a:p>
            <a:pPr marL="0" indent="0" algn="just">
              <a:lnSpc>
                <a:spcPct val="120000"/>
              </a:lnSpc>
              <a:buNone/>
            </a:pPr>
            <a:r>
              <a:rPr lang="en-US" b="1" dirty="0" err="1">
                <a:latin typeface="Arial" panose="020B0604020202020204" pitchFamily="34" charset="0"/>
                <a:cs typeface="Arial" panose="020B0604020202020204" pitchFamily="34" charset="0"/>
              </a:rPr>
              <a:t>Bulutli</a:t>
            </a:r>
            <a:r>
              <a:rPr lang="en-US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b="1" dirty="0" err="1">
                <a:latin typeface="Arial" panose="020B0604020202020204" pitchFamily="34" charset="0"/>
                <a:cs typeface="Arial" panose="020B0604020202020204" pitchFamily="34" charset="0"/>
              </a:rPr>
              <a:t>platforma</a:t>
            </a:r>
            <a:r>
              <a:rPr lang="en-US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—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o‘z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xizmatlarin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foydalanuvch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resurslariga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bog‘liq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o‘lmagan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hold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aqdim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etuvch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platform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476512" y="258481"/>
            <a:ext cx="810717" cy="719532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0874518" y="243491"/>
            <a:ext cx="877341" cy="719532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13" name="Объект 2"/>
          <p:cNvSpPr txBox="1">
            <a:spLocks/>
          </p:cNvSpPr>
          <p:nvPr/>
        </p:nvSpPr>
        <p:spPr>
          <a:xfrm>
            <a:off x="534789" y="3566161"/>
            <a:ext cx="8361019" cy="1587435"/>
          </a:xfrm>
          <a:prstGeom prst="rect">
            <a:avLst/>
          </a:prstGeom>
          <a:ln>
            <a:solidFill>
              <a:srgbClr val="00B0F0"/>
            </a:solidFill>
          </a:ln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just">
              <a:lnSpc>
                <a:spcPct val="120000"/>
              </a:lnSpc>
              <a:buNone/>
            </a:pPr>
            <a:r>
              <a:rPr lang="en-US" b="1" dirty="0" err="1">
                <a:latin typeface="Arial" panose="020B0604020202020204" pitchFamily="34" charset="0"/>
                <a:cs typeface="Arial" panose="020B0604020202020204" pitchFamily="34" charset="0"/>
              </a:rPr>
              <a:t>Korporativ</a:t>
            </a:r>
            <a:r>
              <a:rPr lang="en-US" b="1" dirty="0">
                <a:latin typeface="Arial" panose="020B0604020202020204" pitchFamily="34" charset="0"/>
                <a:cs typeface="Arial" panose="020B0604020202020204" pitchFamily="34" charset="0"/>
              </a:rPr>
              <a:t> —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bir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vaqtda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ir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nech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hududdan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turl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pog‘onalard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oshqariluvch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armoq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</a:p>
        </p:txBody>
      </p:sp>
      <p:pic>
        <p:nvPicPr>
          <p:cNvPr id="2050" name="Picture 2" descr="Google Cloud Platform Appoints New Country Manager for SEAInsideSAP Asia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73972" y="1685187"/>
            <a:ext cx="2573383" cy="158743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6" name="Picture 8" descr="Corporate - ícones de arquitetura e cidade grátis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573895" y="3457951"/>
            <a:ext cx="1803854" cy="18038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00691815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42512" y="95013"/>
            <a:ext cx="11901442" cy="1042064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ru-RU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LMS – </a:t>
            </a:r>
            <a:r>
              <a:rPr lang="en-US" sz="3200" b="1" dirty="0" err="1" smtClean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altformalari</a:t>
            </a:r>
            <a:r>
              <a:rPr lang="en-US" sz="3200" b="1" dirty="0" smtClean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b="1" dirty="0" err="1" smtClean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turlari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pic>
        <p:nvPicPr>
          <p:cNvPr id="3074" name="Picture 2" descr="School Icon 800*800 transprent Png Free Download - Yellow, Text,  Technology. - CleanPNG / Kiss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75767" y="1374467"/>
            <a:ext cx="2143125" cy="21431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6" name="Picture 4" descr="ScholarLMS - Your Complete LMS (Learning Management System)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366488" y="3937592"/>
            <a:ext cx="1885121" cy="187453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80" name="Picture 8" descr="File:Circle-icons-cloud.svg - Wikipedia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99706" y="3937591"/>
            <a:ext cx="1874533" cy="187453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82" name="Picture 10" descr="Free Vector | Icons on data storage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51519" y="4324334"/>
            <a:ext cx="2167372" cy="216737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Стрелка вниз 3"/>
          <p:cNvSpPr/>
          <p:nvPr/>
        </p:nvSpPr>
        <p:spPr>
          <a:xfrm rot="2928691">
            <a:off x="3955056" y="2848125"/>
            <a:ext cx="523557" cy="1634768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4" name="Стрелка вниз 13"/>
          <p:cNvSpPr/>
          <p:nvPr/>
        </p:nvSpPr>
        <p:spPr>
          <a:xfrm rot="18259028">
            <a:off x="7679798" y="2803322"/>
            <a:ext cx="523557" cy="1634768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" name="Стрелка вниз 14"/>
          <p:cNvSpPr/>
          <p:nvPr/>
        </p:nvSpPr>
        <p:spPr>
          <a:xfrm>
            <a:off x="5785550" y="3572016"/>
            <a:ext cx="523557" cy="828774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Прямоугольник 5"/>
          <p:cNvSpPr/>
          <p:nvPr/>
        </p:nvSpPr>
        <p:spPr>
          <a:xfrm>
            <a:off x="1517840" y="5828989"/>
            <a:ext cx="2587888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smtClean="0"/>
              <a:t>BULUTLI PLATFORMALAR</a:t>
            </a:r>
            <a:endParaRPr lang="ru-RU" b="1" dirty="0"/>
          </a:p>
        </p:txBody>
      </p:sp>
      <p:sp>
        <p:nvSpPr>
          <p:cNvPr id="7" name="Прямоугольник 6"/>
          <p:cNvSpPr/>
          <p:nvPr/>
        </p:nvSpPr>
        <p:spPr>
          <a:xfrm>
            <a:off x="4846279" y="6424176"/>
            <a:ext cx="2643865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smtClean="0"/>
              <a:t>SERVERGA ASOSLANGAN </a:t>
            </a:r>
            <a:endParaRPr lang="ru-RU" b="1" dirty="0"/>
          </a:p>
        </p:txBody>
      </p:sp>
      <p:sp>
        <p:nvSpPr>
          <p:cNvPr id="10" name="Прямоугольник 9"/>
          <p:cNvSpPr/>
          <p:nvPr/>
        </p:nvSpPr>
        <p:spPr>
          <a:xfrm>
            <a:off x="7568327" y="5838250"/>
            <a:ext cx="3489417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smtClean="0"/>
              <a:t>CMS BILAN INTEGRATSIYALANGAN</a:t>
            </a:r>
            <a:endParaRPr lang="ru-RU" b="1" dirty="0"/>
          </a:p>
        </p:txBody>
      </p:sp>
      <p:sp>
        <p:nvSpPr>
          <p:cNvPr id="20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1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7853586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00" decel="100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800" decel="100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800" decel="100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800" decel="100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3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800" decel="100000"/>
                                        <p:tgtEl>
                                          <p:spTgt spid="308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" dur="800" decel="100000" fill="hold"/>
                                        <p:tgtEl>
                                          <p:spTgt spid="308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800" decel="100000" fill="hold"/>
                                        <p:tgtEl>
                                          <p:spTgt spid="308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800" decel="100000" fill="hold"/>
                                        <p:tgtEl>
                                          <p:spTgt spid="308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308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308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3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800" decel="100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4" dur="800" decel="100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800" decel="100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800" decel="100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800" decel="100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800" decel="100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800" decel="100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800" decel="100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9" presetID="3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800" decel="100000"/>
                                        <p:tgtEl>
                                          <p:spTgt spid="308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2" dur="800" decel="100000" fill="hold"/>
                                        <p:tgtEl>
                                          <p:spTgt spid="308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3" dur="800" decel="100000" fill="hold"/>
                                        <p:tgtEl>
                                          <p:spTgt spid="308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800" decel="100000" fill="hold"/>
                                        <p:tgtEl>
                                          <p:spTgt spid="308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5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308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6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308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7" presetID="3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800" decel="100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0" dur="800" decel="100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1" dur="800" decel="100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2" dur="800" decel="100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4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3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800" decel="100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0" dur="800" decel="100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1" dur="800" decel="100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2" dur="800" decel="100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3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4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65" presetID="3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800" decel="100000"/>
                                        <p:tgtEl>
                                          <p:spTgt spid="307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8" dur="800" decel="100000" fill="hold"/>
                                        <p:tgtEl>
                                          <p:spTgt spid="3076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9" dur="800" decel="100000" fill="hold"/>
                                        <p:tgtEl>
                                          <p:spTgt spid="307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0" dur="800" decel="100000" fill="hold"/>
                                        <p:tgtEl>
                                          <p:spTgt spid="307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1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307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2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307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73" presetID="3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800" decel="100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6" dur="800" decel="100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7" dur="800" decel="100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8" dur="800" decel="100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9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0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14" grpId="0" animBg="1"/>
      <p:bldP spid="15" grpId="0" animBg="1"/>
      <p:bldP spid="6" grpId="0"/>
      <p:bldP spid="7" grpId="0"/>
      <p:bldP spid="1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LMSning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bulutli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latformalari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535541" y="1446762"/>
            <a:ext cx="9326916" cy="5127536"/>
          </a:xfrm>
          <a:ln>
            <a:solidFill>
              <a:srgbClr val="ED553B"/>
            </a:solidFill>
          </a:ln>
        </p:spPr>
        <p:txBody>
          <a:bodyPr>
            <a:noAutofit/>
          </a:bodyPr>
          <a:lstStyle/>
          <a:p>
            <a:pPr marL="0" indent="0" algn="just">
              <a:lnSpc>
                <a:spcPct val="120000"/>
              </a:lnSpc>
              <a:buNone/>
            </a:pP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O‘quv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kursining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materiallar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LMSning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bulutl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platformalarid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web-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xizmatn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aklif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etuvchining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server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kompyuterig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joylashtirilad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endParaRPr lang="en-US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 algn="just">
              <a:lnSpc>
                <a:spcPct val="120000"/>
              </a:lnSpc>
              <a:buNone/>
            </a:pP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LMSning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bu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urin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muassasas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yok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ashkilotning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server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kompyuterig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o‘rnatib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o‘lmayd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</a:p>
          <a:p>
            <a:pPr marL="0" indent="0" algn="just">
              <a:lnSpc>
                <a:spcPct val="120000"/>
              </a:lnSpc>
              <a:buNone/>
            </a:pP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LMSning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ulutl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platformalar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web-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xizmat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(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masalan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pochta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xizmat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kab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)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prinsip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asosida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ishlayd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ya’n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web-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xizmat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taklif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etilgan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manzil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orqal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ro‘yxatdan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o‘tgandan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keyin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o‘quv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kurslarin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yaratish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mumkin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endParaRPr lang="en-US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pic>
        <p:nvPicPr>
          <p:cNvPr id="13" name="Picture 8" descr="File:Circle-icons-cloud.svg - Wikipedia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085858" y="1523211"/>
            <a:ext cx="1315317" cy="13153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" name="Picture 2" descr="Checklist Logo – Free PNG Images Vector, PSD, Clipart, Templates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196303" y="2474258"/>
            <a:ext cx="644375" cy="6443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00" name="Picture 4" descr="school icon | Myiconfinder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122763" y="3011057"/>
            <a:ext cx="1294501" cy="12945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6" descr="Cancel, close, cross, incorrect, no icon - Download on Iconfinder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280178" y="4239775"/>
            <a:ext cx="476623" cy="47662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8" descr="Email PNG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122763" y="4949933"/>
            <a:ext cx="1479788" cy="135647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7" name="Picture 2" descr="Checklist Logo – Free PNG Images Vector, PSD, Clipart, Templates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196301" y="5929923"/>
            <a:ext cx="644375" cy="6443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3291819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4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LMSning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bulutli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latformalari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444961" y="1204455"/>
            <a:ext cx="9326916" cy="1598001"/>
          </a:xfrm>
          <a:ln>
            <a:solidFill>
              <a:srgbClr val="ED553B"/>
            </a:solidFill>
          </a:ln>
        </p:spPr>
        <p:txBody>
          <a:bodyPr>
            <a:noAutofit/>
          </a:bodyPr>
          <a:lstStyle/>
          <a:p>
            <a:pPr marL="0" indent="0" algn="just">
              <a:lnSpc>
                <a:spcPct val="120000"/>
              </a:lnSpc>
              <a:buNone/>
            </a:pP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Foydalanuvch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es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bung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o‘zig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kerakl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materiallarin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yuklash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oluvchilarn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qo‘shishi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onlayn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jarayonin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yurgizish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mumkin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pic>
        <p:nvPicPr>
          <p:cNvPr id="13" name="Picture 8" descr="File:Circle-icons-cloud.svg - Wikipedia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923929" y="1204455"/>
            <a:ext cx="1702014" cy="1598002"/>
          </a:xfrm>
          <a:prstGeom prst="rect">
            <a:avLst/>
          </a:prstGeom>
          <a:noFill/>
          <a:ln w="12700">
            <a:solidFill>
              <a:srgbClr val="ED553B"/>
            </a:solidFill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Овал 9"/>
          <p:cNvSpPr/>
          <p:nvPr/>
        </p:nvSpPr>
        <p:spPr>
          <a:xfrm>
            <a:off x="4447930" y="2988449"/>
            <a:ext cx="3017521" cy="1639941"/>
          </a:xfrm>
          <a:prstGeom prst="ellipse">
            <a:avLst/>
          </a:prstGeom>
          <a:solidFill>
            <a:schemeClr val="accent5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800" b="1" dirty="0" err="1"/>
              <a:t>LMSning</a:t>
            </a:r>
            <a:r>
              <a:rPr lang="ru-RU" sz="2800" b="1" dirty="0"/>
              <a:t> </a:t>
            </a:r>
            <a:r>
              <a:rPr lang="ru-RU" sz="2800" b="1" dirty="0" err="1"/>
              <a:t>bulutli</a:t>
            </a:r>
            <a:r>
              <a:rPr lang="ru-RU" sz="2800" b="1" dirty="0"/>
              <a:t> </a:t>
            </a:r>
            <a:r>
              <a:rPr lang="ru-RU" sz="2800" b="1" dirty="0" err="1" smtClean="0"/>
              <a:t>platformalari</a:t>
            </a:r>
            <a:endParaRPr lang="ru-RU" sz="2800" b="1" dirty="0"/>
          </a:p>
        </p:txBody>
      </p:sp>
      <p:pic>
        <p:nvPicPr>
          <p:cNvPr id="5122" name="Picture 2" descr="iSpring Learn for Android - APK Download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22575" y="3346755"/>
            <a:ext cx="1174121" cy="117412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124" name="Picture 4" descr="Google classroom Icon of Flat style - Available in SVG, PNG, EPS, AI &amp; Icon  fonts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585130" y="3180481"/>
            <a:ext cx="1506669" cy="150667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126" name="Picture 6" descr="Introducing Schoology - Kalles Junior High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10876" y="5156371"/>
            <a:ext cx="1291630" cy="129163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128" name="Picture 8" descr="Loop Icons - Free Download, PNG and SV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64002" y="4470697"/>
            <a:ext cx="1662967" cy="16629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130" name="Picture 10" descr="People · AMP · GitHub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55191" y="4653065"/>
            <a:ext cx="1194189" cy="119418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4" name="Прямоугольник 13"/>
          <p:cNvSpPr/>
          <p:nvPr/>
        </p:nvSpPr>
        <p:spPr>
          <a:xfrm>
            <a:off x="1203563" y="4502485"/>
            <a:ext cx="159530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iSpring</a:t>
            </a:r>
            <a:r>
              <a:rPr lang="ru-RU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learn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5" name="Прямоугольник 14"/>
          <p:cNvSpPr/>
          <p:nvPr/>
        </p:nvSpPr>
        <p:spPr>
          <a:xfrm>
            <a:off x="9217981" y="4484181"/>
            <a:ext cx="2198038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Google</a:t>
            </a:r>
            <a:r>
              <a:rPr lang="ru-RU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classroom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6" name="Прямоугольник 15"/>
          <p:cNvSpPr/>
          <p:nvPr/>
        </p:nvSpPr>
        <p:spPr>
          <a:xfrm>
            <a:off x="5274452" y="6394924"/>
            <a:ext cx="136447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Schoology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8" name="Прямоугольник 17"/>
          <p:cNvSpPr/>
          <p:nvPr/>
        </p:nvSpPr>
        <p:spPr>
          <a:xfrm>
            <a:off x="8371518" y="5957341"/>
            <a:ext cx="74892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Loop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9" name="Прямоугольник 18"/>
          <p:cNvSpPr/>
          <p:nvPr/>
        </p:nvSpPr>
        <p:spPr>
          <a:xfrm>
            <a:off x="2761519" y="5842881"/>
            <a:ext cx="138153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Learn</a:t>
            </a:r>
            <a:r>
              <a:rPr lang="ru-RU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Amp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1" name="Стрелка вниз 20"/>
          <p:cNvSpPr/>
          <p:nvPr/>
        </p:nvSpPr>
        <p:spPr>
          <a:xfrm rot="5400000">
            <a:off x="3375210" y="3179176"/>
            <a:ext cx="378823" cy="1418863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8" name="Стрелка вниз 27"/>
          <p:cNvSpPr/>
          <p:nvPr/>
        </p:nvSpPr>
        <p:spPr>
          <a:xfrm rot="16200000">
            <a:off x="8200737" y="3154191"/>
            <a:ext cx="378823" cy="1460585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9" name="Стрелка вниз 28"/>
          <p:cNvSpPr/>
          <p:nvPr/>
        </p:nvSpPr>
        <p:spPr>
          <a:xfrm rot="2899547">
            <a:off x="4079990" y="4252799"/>
            <a:ext cx="378823" cy="748048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0" name="Стрелка вниз 29"/>
          <p:cNvSpPr/>
          <p:nvPr/>
        </p:nvSpPr>
        <p:spPr>
          <a:xfrm rot="18298425">
            <a:off x="7507769" y="4212925"/>
            <a:ext cx="378823" cy="748048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1" name="Стрелка вниз 30"/>
          <p:cNvSpPr/>
          <p:nvPr/>
        </p:nvSpPr>
        <p:spPr>
          <a:xfrm>
            <a:off x="5780341" y="4647962"/>
            <a:ext cx="378823" cy="509562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653209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6" dur="500"/>
                                        <p:tgtEl>
                                          <p:spTgt spid="51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7" dur="500"/>
                                        <p:tgtEl>
                                          <p:spTgt spid="51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8" dur="500"/>
                                        <p:tgtEl>
                                          <p:spTgt spid="51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5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5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5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62" dur="500"/>
                                        <p:tgtEl>
                                          <p:spTgt spid="51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/>
      <p:bldP spid="15" grpId="0"/>
      <p:bldP spid="16" grpId="0"/>
      <p:bldP spid="18" grpId="0"/>
      <p:bldP spid="19" grpId="0"/>
      <p:bldP spid="21" grpId="0" animBg="1"/>
      <p:bldP spid="28" grpId="0" animBg="1"/>
      <p:bldP spid="29" grpId="0" animBg="1"/>
      <p:bldP spid="30" grpId="0" animBg="1"/>
      <p:bldP spid="31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erverga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soslangan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LMS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444961" y="1204455"/>
            <a:ext cx="11272422" cy="1598001"/>
          </a:xfrm>
          <a:ln>
            <a:solidFill>
              <a:srgbClr val="ED553B"/>
            </a:solidFill>
          </a:ln>
        </p:spPr>
        <p:txBody>
          <a:bodyPr>
            <a:noAutofit/>
          </a:bodyPr>
          <a:lstStyle/>
          <a:p>
            <a:pPr marL="0" indent="0" algn="just">
              <a:lnSpc>
                <a:spcPct val="120000"/>
              </a:lnSpc>
              <a:buNone/>
            </a:pPr>
            <a:r>
              <a:rPr lang="en-US" b="1" dirty="0" err="1">
                <a:latin typeface="Arial" panose="020B0604020202020204" pitchFamily="34" charset="0"/>
                <a:cs typeface="Arial" panose="020B0604020202020204" pitchFamily="34" charset="0"/>
              </a:rPr>
              <a:t>Serverga</a:t>
            </a:r>
            <a:r>
              <a:rPr lang="en-US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b="1" dirty="0" err="1">
                <a:latin typeface="Arial" panose="020B0604020202020204" pitchFamily="34" charset="0"/>
                <a:cs typeface="Arial" panose="020B0604020202020204" pitchFamily="34" charset="0"/>
              </a:rPr>
              <a:t>asoslangan</a:t>
            </a:r>
            <a:r>
              <a:rPr lang="en-US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b="1" dirty="0" err="1">
                <a:latin typeface="Arial" panose="020B0604020202020204" pitchFamily="34" charset="0"/>
                <a:cs typeface="Arial" panose="020B0604020202020204" pitchFamily="34" charset="0"/>
              </a:rPr>
              <a:t>LMS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lar</a:t>
            </a:r>
            <a:r>
              <a:rPr lang="en-US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ashkilot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yok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a’lim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muassasasining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serverig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o‘rnatilad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. Bu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es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 smtClean="0">
                <a:latin typeface="Arial" panose="020B0604020202020204" pitchFamily="34" charset="0"/>
                <a:cs typeface="Arial" panose="020B0604020202020204" pitchFamily="34" charset="0"/>
              </a:rPr>
              <a:t>foydalanuvchilarga</a:t>
            </a:r>
            <a:r>
              <a:rPr lang="en-US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tizimg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korporativ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login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parol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yordamida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kirish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imkonin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dirty="0" err="1">
                <a:latin typeface="Arial" panose="020B0604020202020204" pitchFamily="34" charset="0"/>
                <a:cs typeface="Arial" panose="020B0604020202020204" pitchFamily="34" charset="0"/>
              </a:rPr>
              <a:t>beradi</a:t>
            </a:r>
            <a:r>
              <a:rPr lang="en-US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pic>
        <p:nvPicPr>
          <p:cNvPr id="6146" name="Picture 2" descr="Server, racks, hosting Free Icon of WHCompare Isometric Web Hosting &amp;  Servers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12125" y="3255101"/>
            <a:ext cx="2873829" cy="287382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148" name="Picture 4" descr="Chinese LMS | LMS in Chinese and 120+ Languages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98895" y="3463289"/>
            <a:ext cx="3028950" cy="24574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Стрелка вправо 3"/>
          <p:cNvSpPr/>
          <p:nvPr/>
        </p:nvSpPr>
        <p:spPr>
          <a:xfrm>
            <a:off x="5185954" y="4629148"/>
            <a:ext cx="1508438" cy="535577"/>
          </a:xfrm>
          <a:prstGeom prst="rightArrow">
            <a:avLst/>
          </a:prstGeom>
          <a:solidFill>
            <a:srgbClr val="FFFF00"/>
          </a:solidFill>
          <a:ln>
            <a:solidFill>
              <a:srgbClr val="ED553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826842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1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erverga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soslangan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LMS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6" name="Прямоугольник 5"/>
          <p:cNvSpPr/>
          <p:nvPr/>
        </p:nvSpPr>
        <p:spPr>
          <a:xfrm>
            <a:off x="9242826" y="3642752"/>
            <a:ext cx="1467068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b="1" dirty="0" err="1">
                <a:latin typeface="Arial" panose="020B0604020202020204" pitchFamily="34" charset="0"/>
                <a:cs typeface="Arial" panose="020B0604020202020204" pitchFamily="34" charset="0"/>
              </a:rPr>
              <a:t>BlackBoard</a:t>
            </a:r>
            <a:endParaRPr lang="ru-RU" dirty="0"/>
          </a:p>
        </p:txBody>
      </p:sp>
      <p:pic>
        <p:nvPicPr>
          <p:cNvPr id="7172" name="Picture 4" descr="Blackboard Learn Png &amp; Free Blackboard Learn.png Transparent Images #78027  - PNGio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92587" y="1964106"/>
            <a:ext cx="1567547" cy="156754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174" name="Picture 6" descr="Canvas LMS (@CanvasLMS) | Twitter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40865" y="4465196"/>
            <a:ext cx="1470162" cy="147016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Прямоугольник 6"/>
          <p:cNvSpPr/>
          <p:nvPr/>
        </p:nvSpPr>
        <p:spPr>
          <a:xfrm>
            <a:off x="2301218" y="3642752"/>
            <a:ext cx="99257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b="1" dirty="0">
                <a:latin typeface="Arial" panose="020B0604020202020204" pitchFamily="34" charset="0"/>
                <a:cs typeface="Arial" panose="020B0604020202020204" pitchFamily="34" charset="0"/>
              </a:rPr>
              <a:t>Moodle</a:t>
            </a:r>
            <a:endParaRPr lang="ru-RU" dirty="0"/>
          </a:p>
        </p:txBody>
      </p:sp>
      <p:sp>
        <p:nvSpPr>
          <p:cNvPr id="9" name="Прямоугольник 8"/>
          <p:cNvSpPr/>
          <p:nvPr/>
        </p:nvSpPr>
        <p:spPr>
          <a:xfrm>
            <a:off x="4273244" y="6064419"/>
            <a:ext cx="1005403" cy="4247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just">
              <a:lnSpc>
                <a:spcPct val="120000"/>
              </a:lnSpc>
            </a:pPr>
            <a:r>
              <a:rPr lang="en-US" b="1" dirty="0">
                <a:latin typeface="Arial" panose="020B0604020202020204" pitchFamily="34" charset="0"/>
                <a:cs typeface="Arial" panose="020B0604020202020204" pitchFamily="34" charset="0"/>
              </a:rPr>
              <a:t>Canvas</a:t>
            </a:r>
            <a:endParaRPr lang="en-US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0" name="Скругленный прямоугольник 9"/>
          <p:cNvSpPr/>
          <p:nvPr/>
        </p:nvSpPr>
        <p:spPr>
          <a:xfrm>
            <a:off x="4841260" y="1964106"/>
            <a:ext cx="3108917" cy="1567547"/>
          </a:xfrm>
          <a:prstGeom prst="roundRect">
            <a:avLst/>
          </a:prstGeom>
          <a:solidFill>
            <a:schemeClr val="accent5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 err="1">
                <a:latin typeface="Arial" panose="020B0604020202020204" pitchFamily="34" charset="0"/>
                <a:cs typeface="Arial" panose="020B0604020202020204" pitchFamily="34" charset="0"/>
              </a:rPr>
              <a:t>Serverga</a:t>
            </a:r>
            <a:r>
              <a:rPr lang="en-US" sz="2800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b="1" dirty="0" err="1">
                <a:latin typeface="Arial" panose="020B0604020202020204" pitchFamily="34" charset="0"/>
                <a:cs typeface="Arial" panose="020B0604020202020204" pitchFamily="34" charset="0"/>
              </a:rPr>
              <a:t>asoslangan</a:t>
            </a:r>
            <a:r>
              <a:rPr lang="en-US" sz="2800" b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800" b="1" dirty="0" err="1">
                <a:latin typeface="Arial" panose="020B0604020202020204" pitchFamily="34" charset="0"/>
                <a:cs typeface="Arial" panose="020B0604020202020204" pitchFamily="34" charset="0"/>
              </a:rPr>
              <a:t>LMSlar</a:t>
            </a:r>
            <a:endParaRPr lang="ru-RU" sz="2800" dirty="0"/>
          </a:p>
        </p:txBody>
      </p:sp>
      <p:pic>
        <p:nvPicPr>
          <p:cNvPr id="7176" name="Picture 8" descr="Absorb LMS - eLearning Industry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48003" y="4459837"/>
            <a:ext cx="1404849" cy="1470162"/>
          </a:xfrm>
          <a:prstGeom prst="rect">
            <a:avLst/>
          </a:prstGeom>
          <a:noFill/>
          <a:ln>
            <a:solidFill>
              <a:srgbClr val="ED553B"/>
            </a:solidFill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3" name="Прямоугольник 12"/>
          <p:cNvSpPr/>
          <p:nvPr/>
        </p:nvSpPr>
        <p:spPr>
          <a:xfrm>
            <a:off x="7437115" y="6064419"/>
            <a:ext cx="154401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err="1">
                <a:latin typeface="Arial" panose="020B0604020202020204" pitchFamily="34" charset="0"/>
                <a:cs typeface="Arial" panose="020B0604020202020204" pitchFamily="34" charset="0"/>
              </a:rPr>
              <a:t>Absorb</a:t>
            </a:r>
            <a:r>
              <a:rPr lang="ru-RU" b="1" dirty="0">
                <a:latin typeface="Arial" panose="020B0604020202020204" pitchFamily="34" charset="0"/>
                <a:cs typeface="Arial" panose="020B0604020202020204" pitchFamily="34" charset="0"/>
              </a:rPr>
              <a:t> LMS</a:t>
            </a:r>
          </a:p>
        </p:txBody>
      </p:sp>
      <p:pic>
        <p:nvPicPr>
          <p:cNvPr id="7180" name="Picture 12" descr="moodle logo - Pitt Community College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42383" y="1848901"/>
            <a:ext cx="1710251" cy="179795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5" name="Стрелка влево 14"/>
          <p:cNvSpPr/>
          <p:nvPr/>
        </p:nvSpPr>
        <p:spPr>
          <a:xfrm>
            <a:off x="3768436" y="2547744"/>
            <a:ext cx="1010806" cy="400270"/>
          </a:xfrm>
          <a:prstGeom prst="leftArrow">
            <a:avLst/>
          </a:prstGeom>
          <a:solidFill>
            <a:srgbClr val="FFFF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4" name="Стрелка влево 23"/>
          <p:cNvSpPr/>
          <p:nvPr/>
        </p:nvSpPr>
        <p:spPr>
          <a:xfrm rot="10800000">
            <a:off x="8012195" y="2569678"/>
            <a:ext cx="1010806" cy="400270"/>
          </a:xfrm>
          <a:prstGeom prst="leftArrow">
            <a:avLst/>
          </a:prstGeom>
          <a:solidFill>
            <a:srgbClr val="FFFF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5" name="Стрелка влево 24"/>
          <p:cNvSpPr/>
          <p:nvPr/>
        </p:nvSpPr>
        <p:spPr>
          <a:xfrm rot="16200000">
            <a:off x="5974112" y="3882705"/>
            <a:ext cx="1010806" cy="400270"/>
          </a:xfrm>
          <a:prstGeom prst="leftArrow">
            <a:avLst/>
          </a:prstGeom>
          <a:solidFill>
            <a:srgbClr val="FFFF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6" name="Двойная стрелка влево/вправо 15"/>
          <p:cNvSpPr/>
          <p:nvPr/>
        </p:nvSpPr>
        <p:spPr>
          <a:xfrm>
            <a:off x="5650863" y="4643331"/>
            <a:ext cx="1675719" cy="309409"/>
          </a:xfrm>
          <a:prstGeom prst="leftRightArrow">
            <a:avLst/>
          </a:prstGeom>
          <a:solidFill>
            <a:srgbClr val="FFFF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1059792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71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71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1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71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/>
      <p:bldP spid="9" grpId="0"/>
      <p:bldP spid="13" grpId="0"/>
      <p:bldP spid="15" grpId="0" animBg="1"/>
      <p:bldP spid="24" grpId="0" animBg="1"/>
      <p:bldP spid="25" grpId="0" animBg="1"/>
      <p:bldP spid="16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04931" y="119921"/>
            <a:ext cx="11977141" cy="916001"/>
          </a:xfrm>
          <a:solidFill>
            <a:srgbClr val="2365C7"/>
          </a:solidFill>
        </p:spPr>
        <p:txBody>
          <a:bodyPr>
            <a:normAutofit/>
          </a:bodyPr>
          <a:lstStyle/>
          <a:p>
            <a:pPr algn="ctr"/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MS </a:t>
            </a:r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bilan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3200" b="1" dirty="0" err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tegratsiyalashgan</a:t>
            </a:r>
            <a:r>
              <a:rPr lang="en-US" sz="3200" b="1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LMS</a:t>
            </a:r>
            <a:endParaRPr lang="ru-RU" sz="3200" b="1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Rectangle 9">
            <a:extLst>
              <a:ext uri="{FF2B5EF4-FFF2-40B4-BE49-F238E27FC236}">
                <a16:creationId xmlns:a16="http://schemas.microsoft.com/office/drawing/2014/main" xmlns="" id="{444E6227-4972-4DE6-BEB0-C3FC42991182}"/>
              </a:ext>
            </a:extLst>
          </p:cNvPr>
          <p:cNvSpPr/>
          <p:nvPr/>
        </p:nvSpPr>
        <p:spPr>
          <a:xfrm>
            <a:off x="294912" y="279721"/>
            <a:ext cx="763179" cy="630498"/>
          </a:xfrm>
          <a:custGeom>
            <a:avLst/>
            <a:gdLst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833935 w 3239999"/>
              <a:gd name="connsiteY0" fmla="*/ 22 h 3032924"/>
              <a:gd name="connsiteX1" fmla="*/ 1576606 w 3239999"/>
              <a:gd name="connsiteY1" fmla="*/ 402054 h 3032924"/>
              <a:gd name="connsiteX2" fmla="*/ 1576606 w 3239999"/>
              <a:gd name="connsiteY2" fmla="*/ 430441 h 3032924"/>
              <a:gd name="connsiteX3" fmla="*/ 1576606 w 3239999"/>
              <a:gd name="connsiteY3" fmla="*/ 526981 h 3032924"/>
              <a:gd name="connsiteX4" fmla="*/ 1576606 w 3239999"/>
              <a:gd name="connsiteY4" fmla="*/ 2765302 h 3032924"/>
              <a:gd name="connsiteX5" fmla="*/ 378630 w 3239999"/>
              <a:gd name="connsiteY5" fmla="*/ 2472117 h 3032924"/>
              <a:gd name="connsiteX6" fmla="*/ 384918 w 3239999"/>
              <a:gd name="connsiteY6" fmla="*/ 526981 h 3032924"/>
              <a:gd name="connsiteX7" fmla="*/ 239143 w 3239999"/>
              <a:gd name="connsiteY7" fmla="*/ 526981 h 3032924"/>
              <a:gd name="connsiteX8" fmla="*/ 239143 w 3239999"/>
              <a:gd name="connsiteY8" fmla="*/ 2776423 h 3032924"/>
              <a:gd name="connsiteX9" fmla="*/ 1576606 w 3239999"/>
              <a:gd name="connsiteY9" fmla="*/ 2776423 h 3032924"/>
              <a:gd name="connsiteX10" fmla="*/ 1576606 w 3239999"/>
              <a:gd name="connsiteY10" fmla="*/ 2778202 h 3032924"/>
              <a:gd name="connsiteX11" fmla="*/ 1663394 w 3239999"/>
              <a:gd name="connsiteY11" fmla="*/ 2778202 h 3032924"/>
              <a:gd name="connsiteX12" fmla="*/ 1663394 w 3239999"/>
              <a:gd name="connsiteY12" fmla="*/ 2776423 h 3032924"/>
              <a:gd name="connsiteX13" fmla="*/ 3000856 w 3239999"/>
              <a:gd name="connsiteY13" fmla="*/ 2776423 h 3032924"/>
              <a:gd name="connsiteX14" fmla="*/ 3000856 w 3239999"/>
              <a:gd name="connsiteY14" fmla="*/ 526981 h 3032924"/>
              <a:gd name="connsiteX15" fmla="*/ 2855082 w 3239999"/>
              <a:gd name="connsiteY15" fmla="*/ 526981 h 3032924"/>
              <a:gd name="connsiteX16" fmla="*/ 2861369 w 3239999"/>
              <a:gd name="connsiteY16" fmla="*/ 2472117 h 3032924"/>
              <a:gd name="connsiteX17" fmla="*/ 1663394 w 3239999"/>
              <a:gd name="connsiteY17" fmla="*/ 2765302 h 3032924"/>
              <a:gd name="connsiteX18" fmla="*/ 1663394 w 3239999"/>
              <a:gd name="connsiteY18" fmla="*/ 526981 h 3032924"/>
              <a:gd name="connsiteX19" fmla="*/ 1663394 w 3239999"/>
              <a:gd name="connsiteY19" fmla="*/ 430441 h 3032924"/>
              <a:gd name="connsiteX20" fmla="*/ 1663394 w 3239999"/>
              <a:gd name="connsiteY20" fmla="*/ 402054 h 3032924"/>
              <a:gd name="connsiteX21" fmla="*/ 2406065 w 3239999"/>
              <a:gd name="connsiteY21" fmla="*/ 22 h 3032924"/>
              <a:gd name="connsiteX22" fmla="*/ 2853673 w 3239999"/>
              <a:gd name="connsiteY22" fmla="*/ 91100 h 3032924"/>
              <a:gd name="connsiteX23" fmla="*/ 2854770 w 3239999"/>
              <a:gd name="connsiteY23" fmla="*/ 430441 h 3032924"/>
              <a:gd name="connsiteX24" fmla="*/ 3120669 w 3239999"/>
              <a:gd name="connsiteY24" fmla="*/ 428517 h 3032924"/>
              <a:gd name="connsiteX25" fmla="*/ 3120669 w 3239999"/>
              <a:gd name="connsiteY25" fmla="*/ 738345 h 3032924"/>
              <a:gd name="connsiteX26" fmla="*/ 3239999 w 3239999"/>
              <a:gd name="connsiteY26" fmla="*/ 738345 h 3032924"/>
              <a:gd name="connsiteX27" fmla="*/ 3239999 w 3239999"/>
              <a:gd name="connsiteY27" fmla="*/ 3032924 h 3032924"/>
              <a:gd name="connsiteX28" fmla="*/ 0 w 3239999"/>
              <a:gd name="connsiteY28" fmla="*/ 3032924 h 3032924"/>
              <a:gd name="connsiteX29" fmla="*/ 0 w 3239999"/>
              <a:gd name="connsiteY29" fmla="*/ 738345 h 3032924"/>
              <a:gd name="connsiteX30" fmla="*/ 102477 w 3239999"/>
              <a:gd name="connsiteY30" fmla="*/ 738345 h 3032924"/>
              <a:gd name="connsiteX31" fmla="*/ 102477 w 3239999"/>
              <a:gd name="connsiteY31" fmla="*/ 428517 h 3032924"/>
              <a:gd name="connsiteX32" fmla="*/ 385229 w 3239999"/>
              <a:gd name="connsiteY32" fmla="*/ 430441 h 3032924"/>
              <a:gd name="connsiteX33" fmla="*/ 386326 w 3239999"/>
              <a:gd name="connsiteY33" fmla="*/ 91100 h 3032924"/>
              <a:gd name="connsiteX34" fmla="*/ 833935 w 3239999"/>
              <a:gd name="connsiteY34" fmla="*/ 2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34" fmla="*/ 1668046 w 3239999"/>
              <a:gd name="connsiteY34" fmla="*/ 2869642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39143 w 3239999"/>
              <a:gd name="connsiteY32" fmla="*/ 2776423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3000856 w 3239999"/>
              <a:gd name="connsiteY3" fmla="*/ 2776423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  <a:gd name="connsiteX0" fmla="*/ 1576606 w 3239999"/>
              <a:gd name="connsiteY0" fmla="*/ 2778202 h 3032924"/>
              <a:gd name="connsiteX1" fmla="*/ 1663394 w 3239999"/>
              <a:gd name="connsiteY1" fmla="*/ 2778202 h 3032924"/>
              <a:gd name="connsiteX2" fmla="*/ 1663394 w 3239999"/>
              <a:gd name="connsiteY2" fmla="*/ 2776423 h 3032924"/>
              <a:gd name="connsiteX3" fmla="*/ 2991331 w 3239999"/>
              <a:gd name="connsiteY3" fmla="*/ 2709748 h 3032924"/>
              <a:gd name="connsiteX4" fmla="*/ 3000856 w 3239999"/>
              <a:gd name="connsiteY4" fmla="*/ 526981 h 3032924"/>
              <a:gd name="connsiteX5" fmla="*/ 2855082 w 3239999"/>
              <a:gd name="connsiteY5" fmla="*/ 526981 h 3032924"/>
              <a:gd name="connsiteX6" fmla="*/ 2861369 w 3239999"/>
              <a:gd name="connsiteY6" fmla="*/ 2472117 h 3032924"/>
              <a:gd name="connsiteX7" fmla="*/ 1663394 w 3239999"/>
              <a:gd name="connsiteY7" fmla="*/ 2765302 h 3032924"/>
              <a:gd name="connsiteX8" fmla="*/ 1663394 w 3239999"/>
              <a:gd name="connsiteY8" fmla="*/ 526981 h 3032924"/>
              <a:gd name="connsiteX9" fmla="*/ 1663394 w 3239999"/>
              <a:gd name="connsiteY9" fmla="*/ 430441 h 3032924"/>
              <a:gd name="connsiteX10" fmla="*/ 1663394 w 3239999"/>
              <a:gd name="connsiteY10" fmla="*/ 402054 h 3032924"/>
              <a:gd name="connsiteX11" fmla="*/ 2406065 w 3239999"/>
              <a:gd name="connsiteY11" fmla="*/ 22 h 3032924"/>
              <a:gd name="connsiteX12" fmla="*/ 2853673 w 3239999"/>
              <a:gd name="connsiteY12" fmla="*/ 91100 h 3032924"/>
              <a:gd name="connsiteX13" fmla="*/ 2854770 w 3239999"/>
              <a:gd name="connsiteY13" fmla="*/ 430441 h 3032924"/>
              <a:gd name="connsiteX14" fmla="*/ 3120669 w 3239999"/>
              <a:gd name="connsiteY14" fmla="*/ 428517 h 3032924"/>
              <a:gd name="connsiteX15" fmla="*/ 3120669 w 3239999"/>
              <a:gd name="connsiteY15" fmla="*/ 738345 h 3032924"/>
              <a:gd name="connsiteX16" fmla="*/ 3239999 w 3239999"/>
              <a:gd name="connsiteY16" fmla="*/ 738345 h 3032924"/>
              <a:gd name="connsiteX17" fmla="*/ 3239999 w 3239999"/>
              <a:gd name="connsiteY17" fmla="*/ 3032924 h 3032924"/>
              <a:gd name="connsiteX18" fmla="*/ 0 w 3239999"/>
              <a:gd name="connsiteY18" fmla="*/ 3032924 h 3032924"/>
              <a:gd name="connsiteX19" fmla="*/ 0 w 3239999"/>
              <a:gd name="connsiteY19" fmla="*/ 738345 h 3032924"/>
              <a:gd name="connsiteX20" fmla="*/ 102477 w 3239999"/>
              <a:gd name="connsiteY20" fmla="*/ 738345 h 3032924"/>
              <a:gd name="connsiteX21" fmla="*/ 102477 w 3239999"/>
              <a:gd name="connsiteY21" fmla="*/ 428517 h 3032924"/>
              <a:gd name="connsiteX22" fmla="*/ 385229 w 3239999"/>
              <a:gd name="connsiteY22" fmla="*/ 430441 h 3032924"/>
              <a:gd name="connsiteX23" fmla="*/ 386326 w 3239999"/>
              <a:gd name="connsiteY23" fmla="*/ 91100 h 3032924"/>
              <a:gd name="connsiteX24" fmla="*/ 833935 w 3239999"/>
              <a:gd name="connsiteY24" fmla="*/ 22 h 3032924"/>
              <a:gd name="connsiteX25" fmla="*/ 1576606 w 3239999"/>
              <a:gd name="connsiteY25" fmla="*/ 402054 h 3032924"/>
              <a:gd name="connsiteX26" fmla="*/ 1576606 w 3239999"/>
              <a:gd name="connsiteY26" fmla="*/ 430441 h 3032924"/>
              <a:gd name="connsiteX27" fmla="*/ 1576606 w 3239999"/>
              <a:gd name="connsiteY27" fmla="*/ 526981 h 3032924"/>
              <a:gd name="connsiteX28" fmla="*/ 1576606 w 3239999"/>
              <a:gd name="connsiteY28" fmla="*/ 2765302 h 3032924"/>
              <a:gd name="connsiteX29" fmla="*/ 378630 w 3239999"/>
              <a:gd name="connsiteY29" fmla="*/ 2472117 h 3032924"/>
              <a:gd name="connsiteX30" fmla="*/ 384918 w 3239999"/>
              <a:gd name="connsiteY30" fmla="*/ 526981 h 3032924"/>
              <a:gd name="connsiteX31" fmla="*/ 239143 w 3239999"/>
              <a:gd name="connsiteY31" fmla="*/ 526981 h 3032924"/>
              <a:gd name="connsiteX32" fmla="*/ 229618 w 3239999"/>
              <a:gd name="connsiteY32" fmla="*/ 2690698 h 3032924"/>
              <a:gd name="connsiteX33" fmla="*/ 1576606 w 3239999"/>
              <a:gd name="connsiteY33" fmla="*/ 2776423 h 303292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</a:cxnLst>
            <a:rect l="l" t="t" r="r" b="b"/>
            <a:pathLst>
              <a:path w="3239999" h="3032924">
                <a:moveTo>
                  <a:pt x="1576606" y="2778202"/>
                </a:moveTo>
                <a:cubicBezTo>
                  <a:pt x="1576606" y="2778795"/>
                  <a:pt x="1663394" y="2792670"/>
                  <a:pt x="1663394" y="2778202"/>
                </a:cubicBezTo>
                <a:lnTo>
                  <a:pt x="1663394" y="2776423"/>
                </a:lnTo>
                <a:cubicBezTo>
                  <a:pt x="2185083" y="2605634"/>
                  <a:pt x="2444552" y="2500589"/>
                  <a:pt x="2991331" y="2709748"/>
                </a:cubicBezTo>
                <a:lnTo>
                  <a:pt x="3000856" y="526981"/>
                </a:lnTo>
                <a:lnTo>
                  <a:pt x="2855082" y="526981"/>
                </a:lnTo>
                <a:cubicBezTo>
                  <a:pt x="2857178" y="1175360"/>
                  <a:pt x="2859273" y="1823738"/>
                  <a:pt x="2861369" y="2472117"/>
                </a:cubicBezTo>
                <a:cubicBezTo>
                  <a:pt x="2483869" y="2318121"/>
                  <a:pt x="2052449" y="2439541"/>
                  <a:pt x="1663394" y="2765302"/>
                </a:cubicBezTo>
                <a:lnTo>
                  <a:pt x="1663394" y="526981"/>
                </a:lnTo>
                <a:lnTo>
                  <a:pt x="1663394" y="430441"/>
                </a:lnTo>
                <a:lnTo>
                  <a:pt x="1663394" y="402054"/>
                </a:lnTo>
                <a:cubicBezTo>
                  <a:pt x="1896442" y="149589"/>
                  <a:pt x="2115835" y="2106"/>
                  <a:pt x="2406065" y="22"/>
                </a:cubicBezTo>
                <a:cubicBezTo>
                  <a:pt x="2537987" y="-925"/>
                  <a:pt x="2684544" y="28169"/>
                  <a:pt x="2853673" y="91100"/>
                </a:cubicBezTo>
                <a:cubicBezTo>
                  <a:pt x="2854039" y="204214"/>
                  <a:pt x="2854404" y="317327"/>
                  <a:pt x="2854770" y="430441"/>
                </a:cubicBezTo>
                <a:lnTo>
                  <a:pt x="3120669" y="428517"/>
                </a:lnTo>
                <a:lnTo>
                  <a:pt x="3120669" y="738345"/>
                </a:lnTo>
                <a:lnTo>
                  <a:pt x="3239999" y="738345"/>
                </a:lnTo>
                <a:lnTo>
                  <a:pt x="3239999" y="3032924"/>
                </a:lnTo>
                <a:lnTo>
                  <a:pt x="0" y="3032924"/>
                </a:lnTo>
                <a:lnTo>
                  <a:pt x="0" y="738345"/>
                </a:lnTo>
                <a:lnTo>
                  <a:pt x="102477" y="738345"/>
                </a:lnTo>
                <a:lnTo>
                  <a:pt x="102477" y="428517"/>
                </a:lnTo>
                <a:lnTo>
                  <a:pt x="385229" y="430441"/>
                </a:lnTo>
                <a:cubicBezTo>
                  <a:pt x="385595" y="317327"/>
                  <a:pt x="385960" y="204214"/>
                  <a:pt x="386326" y="91100"/>
                </a:cubicBezTo>
                <a:cubicBezTo>
                  <a:pt x="555455" y="28169"/>
                  <a:pt x="702013" y="-925"/>
                  <a:pt x="833935" y="22"/>
                </a:cubicBezTo>
                <a:cubicBezTo>
                  <a:pt x="1124164" y="2106"/>
                  <a:pt x="1343558" y="149589"/>
                  <a:pt x="1576606" y="402054"/>
                </a:cubicBezTo>
                <a:lnTo>
                  <a:pt x="1576606" y="430441"/>
                </a:lnTo>
                <a:lnTo>
                  <a:pt x="1576606" y="526981"/>
                </a:lnTo>
                <a:lnTo>
                  <a:pt x="1576606" y="2765302"/>
                </a:lnTo>
                <a:cubicBezTo>
                  <a:pt x="1187550" y="2439541"/>
                  <a:pt x="756130" y="2318121"/>
                  <a:pt x="378630" y="2472117"/>
                </a:cubicBezTo>
                <a:lnTo>
                  <a:pt x="384918" y="526981"/>
                </a:lnTo>
                <a:lnTo>
                  <a:pt x="239143" y="526981"/>
                </a:lnTo>
                <a:lnTo>
                  <a:pt x="229618" y="2690698"/>
                </a:lnTo>
                <a:cubicBezTo>
                  <a:pt x="773243" y="2466244"/>
                  <a:pt x="1081748" y="2626096"/>
                  <a:pt x="1576606" y="2776423"/>
                </a:cubicBezTo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Trapezoid 13">
            <a:extLst>
              <a:ext uri="{FF2B5EF4-FFF2-40B4-BE49-F238E27FC236}">
                <a16:creationId xmlns:a16="http://schemas.microsoft.com/office/drawing/2014/main" xmlns="" id="{EAB635DE-58EF-4585-A0F5-0790A1957A5B}"/>
              </a:ext>
            </a:extLst>
          </p:cNvPr>
          <p:cNvSpPr/>
          <p:nvPr/>
        </p:nvSpPr>
        <p:spPr>
          <a:xfrm>
            <a:off x="11092124" y="201343"/>
            <a:ext cx="862083" cy="749881"/>
          </a:xfrm>
          <a:custGeom>
            <a:avLst/>
            <a:gdLst/>
            <a:ahLst/>
            <a:cxnLst/>
            <a:rect l="l" t="t" r="r" b="b"/>
            <a:pathLst>
              <a:path w="2736304" h="2313707">
                <a:moveTo>
                  <a:pt x="1046195" y="1945901"/>
                </a:moveTo>
                <a:lnTo>
                  <a:pt x="998316" y="2093032"/>
                </a:lnTo>
                <a:lnTo>
                  <a:pt x="1737988" y="2093032"/>
                </a:lnTo>
                <a:lnTo>
                  <a:pt x="1690109" y="1945901"/>
                </a:lnTo>
                <a:close/>
                <a:moveTo>
                  <a:pt x="396044" y="89541"/>
                </a:moveTo>
                <a:lnTo>
                  <a:pt x="396044" y="1241668"/>
                </a:lnTo>
                <a:lnTo>
                  <a:pt x="2340260" y="1241668"/>
                </a:lnTo>
                <a:lnTo>
                  <a:pt x="2340260" y="89541"/>
                </a:lnTo>
                <a:close/>
                <a:moveTo>
                  <a:pt x="252028" y="0"/>
                </a:moveTo>
                <a:lnTo>
                  <a:pt x="2484276" y="0"/>
                </a:lnTo>
                <a:lnTo>
                  <a:pt x="2484276" y="1331208"/>
                </a:lnTo>
                <a:lnTo>
                  <a:pt x="2484679" y="1331208"/>
                </a:lnTo>
                <a:lnTo>
                  <a:pt x="2736304" y="2195304"/>
                </a:lnTo>
                <a:lnTo>
                  <a:pt x="2736304" y="2313707"/>
                </a:lnTo>
                <a:lnTo>
                  <a:pt x="0" y="2313707"/>
                </a:lnTo>
                <a:lnTo>
                  <a:pt x="0" y="2195304"/>
                </a:lnTo>
                <a:lnTo>
                  <a:pt x="251625" y="1331208"/>
                </a:lnTo>
                <a:lnTo>
                  <a:pt x="252028" y="1331208"/>
                </a:lnTo>
                <a:close/>
              </a:path>
            </a:pathLst>
          </a:cu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 sz="270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AutoShape 12" descr="Admin - Free professions and jobs icons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451934" y="1195722"/>
            <a:ext cx="11226260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CMSning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tarkibida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alohida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o‘quv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kurslar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bilan</a:t>
            </a: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ishlovchi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plaginlar</a:t>
            </a: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xizmat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qiladi</a:t>
            </a: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Bunday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tizimlar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onlayn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maktab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va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kurs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ochishni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xohlovchilar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uchun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qulay</a:t>
            </a: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 err="1">
                <a:latin typeface="Arial" panose="020B0604020202020204" pitchFamily="34" charset="0"/>
                <a:cs typeface="Arial" panose="020B0604020202020204" pitchFamily="34" charset="0"/>
              </a:rPr>
              <a:t>hisoblanadi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</a:p>
        </p:txBody>
      </p:sp>
      <p:sp>
        <p:nvSpPr>
          <p:cNvPr id="4" name="Прямоугольник 3"/>
          <p:cNvSpPr/>
          <p:nvPr/>
        </p:nvSpPr>
        <p:spPr>
          <a:xfrm>
            <a:off x="5488953" y="5189073"/>
            <a:ext cx="62068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smtClean="0">
                <a:latin typeface="Arial" panose="020B0604020202020204" pitchFamily="34" charset="0"/>
                <a:cs typeface="Arial" panose="020B0604020202020204" pitchFamily="34" charset="0"/>
              </a:rPr>
              <a:t>WIX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8194" name="Picture 2" descr="Learndash for Online Courses, LMS for Wordpress Website |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80357" y="3587389"/>
            <a:ext cx="4286250" cy="12573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196" name="Picture 4" descr="Joomla Logo transparent PNG - StickPN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82822" y="3357362"/>
            <a:ext cx="1703939" cy="17173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198" name="Picture 6" descr="Drupal Icon of Flat style - Available in SVG, PNG, EPS, AI &amp; Icon fonts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45310" y="3169891"/>
            <a:ext cx="2019182" cy="20191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200" name="Picture 8" descr="Wix Logo Icon of Flat style - Available in SVG, PNG, EPS, AI &amp; Icon fonts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36642" y="3561990"/>
            <a:ext cx="1525307" cy="152530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Прямоугольник 4"/>
          <p:cNvSpPr/>
          <p:nvPr/>
        </p:nvSpPr>
        <p:spPr>
          <a:xfrm>
            <a:off x="848733" y="5189073"/>
            <a:ext cx="117211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smtClean="0">
                <a:latin typeface="Arial" panose="020B0604020202020204" pitchFamily="34" charset="0"/>
                <a:cs typeface="Arial" panose="020B0604020202020204" pitchFamily="34" charset="0"/>
              </a:rPr>
              <a:t>JOOMLA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4" name="Прямоугольник 13"/>
          <p:cNvSpPr/>
          <p:nvPr/>
        </p:nvSpPr>
        <p:spPr>
          <a:xfrm>
            <a:off x="3190227" y="5152515"/>
            <a:ext cx="1129348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smtClean="0">
                <a:latin typeface="Arial" panose="020B0604020202020204" pitchFamily="34" charset="0"/>
                <a:cs typeface="Arial" panose="020B0604020202020204" pitchFamily="34" charset="0"/>
              </a:rPr>
              <a:t>DRUPAL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7" name="Прямоугольник 16"/>
          <p:cNvSpPr/>
          <p:nvPr/>
        </p:nvSpPr>
        <p:spPr>
          <a:xfrm>
            <a:off x="7540970" y="5189073"/>
            <a:ext cx="3365024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 smtClean="0">
                <a:latin typeface="Arial" panose="020B0604020202020204" pitchFamily="34" charset="0"/>
                <a:cs typeface="Arial" panose="020B0604020202020204" pitchFamily="34" charset="0"/>
              </a:rPr>
              <a:t>LEARNDASH (WORDPRESS)</a:t>
            </a:r>
            <a:endParaRPr lang="ru-RU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4142478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2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6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7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819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8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819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9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819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0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819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32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14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5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819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6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819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7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819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8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819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32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22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0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3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820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4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820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5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820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6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820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32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0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1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819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32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819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3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819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4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819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3354</TotalTime>
  <Words>523</Words>
  <Application>Microsoft Office PowerPoint</Application>
  <PresentationFormat>Произвольный</PresentationFormat>
  <Paragraphs>56</Paragraphs>
  <Slides>15</Slides>
  <Notes>0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5</vt:i4>
      </vt:variant>
    </vt:vector>
  </HeadingPairs>
  <TitlesOfParts>
    <vt:vector size="16" baseType="lpstr">
      <vt:lpstr>Тема Office</vt:lpstr>
      <vt:lpstr>INFORMATIKA VA AXBOROT TEXNOLOGIYALARI</vt:lpstr>
      <vt:lpstr>MASOFAVIY TA’LIM</vt:lpstr>
      <vt:lpstr>TAYANCH TUSHUNCHALAR</vt:lpstr>
      <vt:lpstr>LMS – paltformalari turlari</vt:lpstr>
      <vt:lpstr>LMSning bulutli platformalari</vt:lpstr>
      <vt:lpstr>LMSning bulutli platformalari</vt:lpstr>
      <vt:lpstr>Serverga asoslangan LMS</vt:lpstr>
      <vt:lpstr>Serverga asoslangan LMS</vt:lpstr>
      <vt:lpstr>CMS bilan integratsiyalashgan LMS</vt:lpstr>
      <vt:lpstr>LMS INTERFEYSI</vt:lpstr>
      <vt:lpstr>LMS INTERFEYSI</vt:lpstr>
      <vt:lpstr>LMS INTERFEYSI</vt:lpstr>
      <vt:lpstr>LMS INTERFEYSI</vt:lpstr>
      <vt:lpstr>LMS INTERFEYSI</vt:lpstr>
      <vt:lpstr>Презентация PowerPoint</vt:lpstr>
    </vt:vector>
  </TitlesOfParts>
  <Company>Home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5-DARS</dc:title>
  <dc:creator>TDPU</dc:creator>
  <cp:lastModifiedBy>Admin</cp:lastModifiedBy>
  <cp:revision>278</cp:revision>
  <dcterms:created xsi:type="dcterms:W3CDTF">2020-09-18T22:01:45Z</dcterms:created>
  <dcterms:modified xsi:type="dcterms:W3CDTF">2020-12-06T18:30:37Z</dcterms:modified>
</cp:coreProperties>
</file>